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s990969\Desktop\HP\"/>
    </mc:Choice>
  </mc:AlternateContent>
  <bookViews>
    <workbookView xWindow="480" yWindow="90" windowWidth="19395" windowHeight="9120" tabRatio="640"/>
  </bookViews>
  <sheets>
    <sheet name="業務従事者支給賃金状況報告書" sheetId="22" r:id="rId1"/>
  </sheets>
  <definedNames>
    <definedName name="_xlnm.Print_Area" localSheetId="0">業務従事者支給賃金状況報告書!$B$1:$R$126</definedName>
  </definedNames>
  <calcPr calcId="145621"/>
</workbook>
</file>

<file path=xl/sharedStrings.xml><?xml version="1.0" encoding="utf-8"?>
<sst xmlns="http://schemas.openxmlformats.org/spreadsheetml/2006/main" count="253" uniqueCount="44">
  <si>
    <t>日</t>
    <rPh sb="0" eb="1">
      <t>ニチ</t>
    </rPh>
    <phoneticPr fontId="1"/>
  </si>
  <si>
    <t>週</t>
    <rPh sb="0" eb="1">
      <t>シュウ</t>
    </rPh>
    <phoneticPr fontId="1"/>
  </si>
  <si>
    <t>月</t>
    <rPh sb="0" eb="1">
      <t>ツキ</t>
    </rPh>
    <phoneticPr fontId="1"/>
  </si>
  <si>
    <t>基本給</t>
    <rPh sb="0" eb="3">
      <t>キホンキュウ</t>
    </rPh>
    <phoneticPr fontId="1"/>
  </si>
  <si>
    <t>その他</t>
    <rPh sb="2" eb="3">
      <t>タ</t>
    </rPh>
    <phoneticPr fontId="1"/>
  </si>
  <si>
    <t>通勤手当</t>
    <rPh sb="0" eb="2">
      <t>ツウキン</t>
    </rPh>
    <rPh sb="2" eb="4">
      <t>テアテ</t>
    </rPh>
    <phoneticPr fontId="1"/>
  </si>
  <si>
    <t>精皆勤・家族手当</t>
    <phoneticPr fontId="1"/>
  </si>
  <si>
    <t>月支給
合計③
（①＋②）</t>
    <rPh sb="0" eb="1">
      <t>ツキ</t>
    </rPh>
    <rPh sb="1" eb="3">
      <t>シキュウ</t>
    </rPh>
    <rPh sb="4" eb="5">
      <t>ガッ</t>
    </rPh>
    <rPh sb="5" eb="6">
      <t>ケイ</t>
    </rPh>
    <phoneticPr fontId="1"/>
  </si>
  <si>
    <t>月支給額内訳
（時給・日給は月額合計）</t>
    <phoneticPr fontId="1"/>
  </si>
  <si>
    <t>給与Ａ　①</t>
    <phoneticPr fontId="1"/>
  </si>
  <si>
    <t>給与Ｂ　②</t>
    <phoneticPr fontId="1"/>
  </si>
  <si>
    <t>雇用
保険</t>
    <rPh sb="0" eb="2">
      <t>コヨウ</t>
    </rPh>
    <rPh sb="3" eb="5">
      <t>ホケン</t>
    </rPh>
    <phoneticPr fontId="1"/>
  </si>
  <si>
    <t>基本給形態
（金額）</t>
    <rPh sb="3" eb="5">
      <t>ケイタイ</t>
    </rPh>
    <rPh sb="7" eb="9">
      <t>キンガク</t>
    </rPh>
    <phoneticPr fontId="1"/>
  </si>
  <si>
    <t>作　成　者</t>
    <rPh sb="0" eb="1">
      <t>サク</t>
    </rPh>
    <rPh sb="2" eb="3">
      <t>ナリ</t>
    </rPh>
    <rPh sb="4" eb="5">
      <t>シャ</t>
    </rPh>
    <phoneticPr fontId="1"/>
  </si>
  <si>
    <t>業務名</t>
    <rPh sb="0" eb="2">
      <t>ギョウム</t>
    </rPh>
    <rPh sb="2" eb="3">
      <t>メイ</t>
    </rPh>
    <phoneticPr fontId="1"/>
  </si>
  <si>
    <t>商号又は名称</t>
    <rPh sb="0" eb="2">
      <t>ショウゴウ</t>
    </rPh>
    <rPh sb="2" eb="3">
      <t>マタ</t>
    </rPh>
    <rPh sb="4" eb="6">
      <t>メイショウ</t>
    </rPh>
    <phoneticPr fontId="1"/>
  </si>
  <si>
    <t>　　　（連絡先　　　　　　 　　　　　　　　　）</t>
    <rPh sb="4" eb="7">
      <t>レンラクサキ</t>
    </rPh>
    <phoneticPr fontId="1"/>
  </si>
  <si>
    <t>業務従事者支給賃金状況報告書</t>
    <rPh sb="0" eb="2">
      <t>ギョウム</t>
    </rPh>
    <rPh sb="2" eb="4">
      <t>ジュウジ</t>
    </rPh>
    <rPh sb="4" eb="5">
      <t>シャ</t>
    </rPh>
    <rPh sb="5" eb="7">
      <t>シキュウ</t>
    </rPh>
    <rPh sb="7" eb="9">
      <t>チンギン</t>
    </rPh>
    <rPh sb="9" eb="11">
      <t>ジョウキョウ</t>
    </rPh>
    <rPh sb="11" eb="14">
      <t>ホウコクショ</t>
    </rPh>
    <phoneticPr fontId="1"/>
  </si>
  <si>
    <t>給与Ｂ　②</t>
    <phoneticPr fontId="1"/>
  </si>
  <si>
    <t>業務名</t>
    <rPh sb="0" eb="3">
      <t>ギョウムメイ</t>
    </rPh>
    <phoneticPr fontId="1"/>
  </si>
  <si>
    <t>月～　月末
までの
賞与等</t>
    <rPh sb="0" eb="1">
      <t>ガツ</t>
    </rPh>
    <rPh sb="3" eb="4">
      <t>ガツ</t>
    </rPh>
    <rPh sb="4" eb="5">
      <t>マツ</t>
    </rPh>
    <rPh sb="10" eb="12">
      <t>ショウヨ</t>
    </rPh>
    <rPh sb="12" eb="13">
      <t>トウ</t>
    </rPh>
    <phoneticPr fontId="1"/>
  </si>
  <si>
    <t>№</t>
    <phoneticPr fontId="1"/>
  </si>
  <si>
    <t>区分</t>
    <rPh sb="0" eb="2">
      <t>クブン</t>
    </rPh>
    <phoneticPr fontId="1"/>
  </si>
  <si>
    <t>年齢</t>
    <rPh sb="0" eb="2">
      <t>ネンレイ</t>
    </rPh>
    <phoneticPr fontId="1"/>
  </si>
  <si>
    <t>業務従事者</t>
    <rPh sb="0" eb="2">
      <t>ギョウム</t>
    </rPh>
    <rPh sb="2" eb="5">
      <t>ジュウジシャ</t>
    </rPh>
    <phoneticPr fontId="1"/>
  </si>
  <si>
    <t>備　　考</t>
    <rPh sb="0" eb="1">
      <t>ソナエ</t>
    </rPh>
    <rPh sb="3" eb="4">
      <t>コウ</t>
    </rPh>
    <phoneticPr fontId="1"/>
  </si>
  <si>
    <t xml:space="preserve"> ・ 変形労働時間制</t>
    <rPh sb="3" eb="5">
      <t>ヘンケイ</t>
    </rPh>
    <rPh sb="5" eb="7">
      <t>ロウドウ</t>
    </rPh>
    <rPh sb="7" eb="9">
      <t>ジカン</t>
    </rPh>
    <rPh sb="9" eb="10">
      <t>セイ</t>
    </rPh>
    <phoneticPr fontId="1"/>
  </si>
  <si>
    <t xml:space="preserve"> ・ 監視・断続的労働</t>
    <rPh sb="3" eb="5">
      <t>カンシ</t>
    </rPh>
    <rPh sb="6" eb="9">
      <t>ダンゾクテキ</t>
    </rPh>
    <rPh sb="9" eb="11">
      <t>ロウドウ</t>
    </rPh>
    <phoneticPr fontId="1"/>
  </si>
  <si>
    <t xml:space="preserve"> ・ その他 （　　　　　　　　　）</t>
    <rPh sb="5" eb="6">
      <t>タ</t>
    </rPh>
    <phoneticPr fontId="1"/>
  </si>
  <si>
    <r>
      <t>月給・日給・時給</t>
    </r>
    <r>
      <rPr>
        <sz val="10"/>
        <rFont val="ＭＳ Ｐ明朝"/>
        <family val="1"/>
        <charset val="128"/>
      </rPr>
      <t/>
    </r>
    <rPh sb="0" eb="2">
      <t>ゲッキュウ</t>
    </rPh>
    <rPh sb="3" eb="5">
      <t>ニッキュウ</t>
    </rPh>
    <rPh sb="6" eb="8">
      <t>ジキュウ</t>
    </rPh>
    <phoneticPr fontId="1"/>
  </si>
  <si>
    <t>（　　　　　　　　）円</t>
    <rPh sb="10" eb="11">
      <t>エン</t>
    </rPh>
    <phoneticPr fontId="1"/>
  </si>
  <si>
    <t>ウ 65歳以上</t>
    <phoneticPr fontId="1"/>
  </si>
  <si>
    <t>イ 40歳以上
　　65歳未満</t>
    <rPh sb="4" eb="5">
      <t>サイ</t>
    </rPh>
    <rPh sb="5" eb="7">
      <t>イジョウ</t>
    </rPh>
    <rPh sb="12" eb="15">
      <t>サイミマン</t>
    </rPh>
    <phoneticPr fontId="1"/>
  </si>
  <si>
    <r>
      <rPr>
        <sz val="8"/>
        <rFont val="ＭＳ Ｐ明朝"/>
        <family val="1"/>
        <charset val="128"/>
      </rPr>
      <t>ア 40歳未満</t>
    </r>
    <r>
      <rPr>
        <sz val="4"/>
        <rFont val="ＭＳ Ｐ明朝"/>
        <family val="1"/>
        <charset val="128"/>
      </rPr>
      <t/>
    </r>
    <rPh sb="4" eb="5">
      <t>サイ</t>
    </rPh>
    <rPh sb="5" eb="7">
      <t>ミマン</t>
    </rPh>
    <phoneticPr fontId="1"/>
  </si>
  <si>
    <t>Ｂ</t>
    <phoneticPr fontId="1"/>
  </si>
  <si>
    <t>Ｃ</t>
    <phoneticPr fontId="1"/>
  </si>
  <si>
    <t>健康
保険</t>
    <rPh sb="0" eb="2">
      <t>ケンコウ</t>
    </rPh>
    <rPh sb="3" eb="5">
      <t>ホケン</t>
    </rPh>
    <phoneticPr fontId="1"/>
  </si>
  <si>
    <t>社会保険
加入状況</t>
    <rPh sb="0" eb="2">
      <t>シャカイ</t>
    </rPh>
    <rPh sb="2" eb="4">
      <t>ホケン</t>
    </rPh>
    <rPh sb="5" eb="7">
      <t>カニュウ</t>
    </rPh>
    <rPh sb="7" eb="9">
      <t>ジョウキョウ</t>
    </rPh>
    <phoneticPr fontId="1"/>
  </si>
  <si>
    <t>１月の
所定
労働
日数</t>
    <rPh sb="1" eb="2">
      <t>ツキ</t>
    </rPh>
    <rPh sb="4" eb="5">
      <t>ショ</t>
    </rPh>
    <rPh sb="5" eb="6">
      <t>サダム</t>
    </rPh>
    <rPh sb="7" eb="8">
      <t>ロウ</t>
    </rPh>
    <rPh sb="8" eb="9">
      <t>ドウ</t>
    </rPh>
    <rPh sb="10" eb="11">
      <t>ビ</t>
    </rPh>
    <rPh sb="11" eb="12">
      <t>カズ</t>
    </rPh>
    <phoneticPr fontId="1"/>
  </si>
  <si>
    <t>※左記の時間が法定労働
　時間を超えている場合
　の手続</t>
    <rPh sb="1" eb="3">
      <t>サキ</t>
    </rPh>
    <rPh sb="4" eb="6">
      <t>ジカン</t>
    </rPh>
    <rPh sb="7" eb="9">
      <t>ホウテイ</t>
    </rPh>
    <rPh sb="9" eb="11">
      <t>ロウドウ</t>
    </rPh>
    <rPh sb="13" eb="15">
      <t>ジカン</t>
    </rPh>
    <rPh sb="16" eb="17">
      <t>コ</t>
    </rPh>
    <rPh sb="21" eb="23">
      <t>バアイ</t>
    </rPh>
    <rPh sb="26" eb="28">
      <t>テツヅ</t>
    </rPh>
    <phoneticPr fontId="1"/>
  </si>
  <si>
    <t>※左記の時間が法定労働
　時間を超えている場合
　の手続等</t>
    <rPh sb="1" eb="3">
      <t>サキ</t>
    </rPh>
    <rPh sb="4" eb="6">
      <t>ジカン</t>
    </rPh>
    <rPh sb="7" eb="9">
      <t>ホウテイ</t>
    </rPh>
    <rPh sb="9" eb="11">
      <t>ロウドウ</t>
    </rPh>
    <rPh sb="13" eb="15">
      <t>ジカン</t>
    </rPh>
    <rPh sb="16" eb="17">
      <t>コ</t>
    </rPh>
    <rPh sb="21" eb="23">
      <t>バアイ</t>
    </rPh>
    <rPh sb="26" eb="28">
      <t>テツヅ</t>
    </rPh>
    <rPh sb="28" eb="29">
      <t>トウ</t>
    </rPh>
    <phoneticPr fontId="1"/>
  </si>
  <si>
    <t>所定労働時間（実績）</t>
    <rPh sb="0" eb="2">
      <t>ショテイ</t>
    </rPh>
    <rPh sb="2" eb="4">
      <t>ロウドウ</t>
    </rPh>
    <rPh sb="4" eb="6">
      <t>ジカン</t>
    </rPh>
    <rPh sb="7" eb="9">
      <t>ジッセキ</t>
    </rPh>
    <phoneticPr fontId="1"/>
  </si>
  <si>
    <t xml:space="preserve"> 業務従事者名簿で報告した労働者の　　　　年　　月に支給した支給賃金状況を次の表のとおり報告します。</t>
    <rPh sb="1" eb="3">
      <t>ギョウム</t>
    </rPh>
    <rPh sb="3" eb="5">
      <t>ジュウジ</t>
    </rPh>
    <rPh sb="5" eb="6">
      <t>シャ</t>
    </rPh>
    <rPh sb="6" eb="8">
      <t>メイボ</t>
    </rPh>
    <rPh sb="9" eb="11">
      <t>ホウコク</t>
    </rPh>
    <rPh sb="13" eb="16">
      <t>ロウドウシャ</t>
    </rPh>
    <rPh sb="21" eb="22">
      <t>ネン</t>
    </rPh>
    <rPh sb="24" eb="25">
      <t>ツキ</t>
    </rPh>
    <rPh sb="26" eb="28">
      <t>シキュウ</t>
    </rPh>
    <rPh sb="30" eb="32">
      <t>シキュウ</t>
    </rPh>
    <rPh sb="32" eb="34">
      <t>チンギン</t>
    </rPh>
    <rPh sb="34" eb="36">
      <t>ジョウキョウ</t>
    </rPh>
    <rPh sb="37" eb="38">
      <t>ツギ</t>
    </rPh>
    <rPh sb="39" eb="40">
      <t>オモテ</t>
    </rPh>
    <rPh sb="44" eb="46">
      <t>ホウコク</t>
    </rPh>
    <phoneticPr fontId="1"/>
  </si>
  <si>
    <r>
      <rPr>
        <sz val="8"/>
        <rFont val="ＭＳ Ｐ明朝"/>
        <family val="1"/>
        <charset val="128"/>
      </rPr>
      <t>Ａ</t>
    </r>
    <r>
      <rPr>
        <sz val="4"/>
        <rFont val="ＭＳ Ｐ明朝"/>
        <family val="1"/>
        <charset val="128"/>
      </rPr>
      <t/>
    </r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8"/>
      <name val="ＭＳ Ｐ明朝"/>
      <family val="1"/>
      <charset val="128"/>
    </font>
    <font>
      <sz val="12"/>
      <name val="ＭＳ Ｐ明朝"/>
      <family val="1"/>
      <charset val="128"/>
    </font>
    <font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1"/>
      <name val="ＭＳ Ｐ明朝"/>
      <family val="1"/>
      <charset val="128"/>
    </font>
    <font>
      <sz val="8"/>
      <name val="ＭＳ Ｐ明朝"/>
      <family val="1"/>
      <charset val="128"/>
    </font>
    <font>
      <sz val="4"/>
      <name val="ＭＳ Ｐ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4">
    <xf numFmtId="0" fontId="0" fillId="0" borderId="0" xfId="0"/>
    <xf numFmtId="0" fontId="3" fillId="0" borderId="0" xfId="0" applyFont="1" applyFill="1"/>
    <xf numFmtId="0" fontId="3" fillId="0" borderId="0" xfId="0" applyFont="1" applyFill="1" applyAlignment="1">
      <alignment wrapText="1"/>
    </xf>
    <xf numFmtId="0" fontId="3" fillId="0" borderId="0" xfId="0" applyFont="1" applyAlignment="1">
      <alignment horizontal="center" vertical="center" shrinkToFit="1"/>
    </xf>
    <xf numFmtId="0" fontId="6" fillId="0" borderId="0" xfId="0" applyFont="1"/>
    <xf numFmtId="0" fontId="2" fillId="0" borderId="0" xfId="0" applyFont="1" applyFill="1" applyAlignment="1">
      <alignment horizontal="center"/>
    </xf>
    <xf numFmtId="0" fontId="3" fillId="0" borderId="0" xfId="0" applyFont="1"/>
    <xf numFmtId="0" fontId="6" fillId="0" borderId="0" xfId="0" applyFont="1" applyBorder="1"/>
    <xf numFmtId="0" fontId="3" fillId="0" borderId="0" xfId="0" applyFont="1" applyBorder="1"/>
    <xf numFmtId="0" fontId="3" fillId="0" borderId="0" xfId="0" applyFont="1" applyFill="1" applyAlignment="1">
      <alignment horizontal="left" vertical="center" wrapText="1"/>
    </xf>
    <xf numFmtId="0" fontId="6" fillId="0" borderId="0" xfId="0" applyFont="1" applyFill="1" applyAlignment="1">
      <alignment horizontal="left" vertical="center"/>
    </xf>
    <xf numFmtId="0" fontId="6" fillId="0" borderId="0" xfId="0" applyFont="1" applyFill="1" applyAlignment="1">
      <alignment horizontal="left" vertical="center" wrapText="1"/>
    </xf>
    <xf numFmtId="0" fontId="3" fillId="0" borderId="0" xfId="0" applyFont="1" applyFill="1" applyAlignment="1">
      <alignment vertical="center" wrapText="1"/>
    </xf>
    <xf numFmtId="0" fontId="6" fillId="0" borderId="0" xfId="0" applyFont="1" applyFill="1" applyAlignment="1">
      <alignment vertical="center"/>
    </xf>
    <xf numFmtId="0" fontId="6" fillId="0" borderId="1" xfId="0" applyFont="1" applyFill="1" applyBorder="1" applyAlignment="1">
      <alignment horizontal="center" shrinkToFit="1"/>
    </xf>
    <xf numFmtId="0" fontId="6" fillId="0" borderId="1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center" shrinkToFit="1"/>
    </xf>
    <xf numFmtId="0" fontId="6" fillId="0" borderId="2" xfId="0" applyFont="1" applyFill="1" applyBorder="1" applyAlignment="1">
      <alignment horizontal="center" vertical="center" shrinkToFit="1"/>
    </xf>
    <xf numFmtId="0" fontId="6" fillId="0" borderId="3" xfId="0" applyFont="1" applyFill="1" applyBorder="1" applyAlignment="1">
      <alignment horizontal="center" shrinkToFit="1"/>
    </xf>
    <xf numFmtId="0" fontId="6" fillId="0" borderId="3" xfId="0" applyFont="1" applyFill="1" applyBorder="1" applyAlignment="1">
      <alignment horizontal="center" vertical="center" shrinkToFit="1"/>
    </xf>
    <xf numFmtId="0" fontId="6" fillId="0" borderId="19" xfId="0" applyFont="1" applyFill="1" applyBorder="1" applyAlignment="1">
      <alignment vertical="center" wrapText="1"/>
    </xf>
    <xf numFmtId="0" fontId="7" fillId="0" borderId="7" xfId="0" applyFont="1" applyBorder="1" applyAlignment="1">
      <alignment horizontal="center" vertical="center" wrapText="1" shrinkToFit="1"/>
    </xf>
    <xf numFmtId="0" fontId="4" fillId="0" borderId="4" xfId="0" applyFont="1" applyBorder="1" applyAlignment="1">
      <alignment vertical="center" shrinkToFit="1"/>
    </xf>
    <xf numFmtId="0" fontId="4" fillId="0" borderId="5" xfId="0" applyFont="1" applyBorder="1" applyAlignment="1">
      <alignment vertical="center" shrinkToFit="1"/>
    </xf>
    <xf numFmtId="0" fontId="7" fillId="0" borderId="4" xfId="0" applyFont="1" applyBorder="1" applyAlignment="1">
      <alignment vertical="center" wrapText="1" shrinkToFit="1"/>
    </xf>
    <xf numFmtId="0" fontId="7" fillId="0" borderId="5" xfId="0" applyFont="1" applyBorder="1" applyAlignment="1">
      <alignment vertical="center" wrapText="1" shrinkToFit="1"/>
    </xf>
    <xf numFmtId="0" fontId="7" fillId="0" borderId="35" xfId="0" applyFont="1" applyBorder="1" applyAlignment="1">
      <alignment vertical="center" wrapText="1" shrinkToFit="1"/>
    </xf>
    <xf numFmtId="0" fontId="3" fillId="0" borderId="7" xfId="0" applyFont="1" applyBorder="1"/>
    <xf numFmtId="0" fontId="6" fillId="0" borderId="7" xfId="0" applyFont="1" applyBorder="1"/>
    <xf numFmtId="0" fontId="6" fillId="0" borderId="35" xfId="0" applyFont="1" applyBorder="1"/>
    <xf numFmtId="0" fontId="6" fillId="0" borderId="19" xfId="0" applyFont="1" applyBorder="1"/>
    <xf numFmtId="0" fontId="7" fillId="0" borderId="0" xfId="0" applyFont="1" applyBorder="1" applyAlignment="1">
      <alignment horizontal="center" vertical="center" wrapText="1" shrinkToFit="1"/>
    </xf>
    <xf numFmtId="0" fontId="4" fillId="0" borderId="37" xfId="0" applyFont="1" applyBorder="1" applyAlignment="1">
      <alignment vertical="center" shrinkToFit="1"/>
    </xf>
    <xf numFmtId="0" fontId="4" fillId="0" borderId="24" xfId="0" applyFont="1" applyBorder="1" applyAlignment="1">
      <alignment vertical="center" shrinkToFit="1"/>
    </xf>
    <xf numFmtId="0" fontId="7" fillId="0" borderId="37" xfId="0" applyFont="1" applyBorder="1" applyAlignment="1">
      <alignment vertical="center" wrapText="1" shrinkToFit="1"/>
    </xf>
    <xf numFmtId="0" fontId="7" fillId="0" borderId="24" xfId="0" applyFont="1" applyBorder="1" applyAlignment="1">
      <alignment vertical="center" wrapText="1" shrinkToFit="1"/>
    </xf>
    <xf numFmtId="0" fontId="7" fillId="0" borderId="19" xfId="0" applyFont="1" applyBorder="1" applyAlignment="1">
      <alignment vertical="center" wrapText="1" shrinkToFit="1"/>
    </xf>
    <xf numFmtId="0" fontId="3" fillId="0" borderId="23" xfId="0" applyFont="1" applyBorder="1" applyAlignment="1">
      <alignment horizontal="center" vertical="center" shrinkToFit="1"/>
    </xf>
    <xf numFmtId="0" fontId="8" fillId="0" borderId="23" xfId="0" applyFont="1" applyBorder="1" applyAlignment="1">
      <alignment horizontal="left" vertical="center" shrinkToFit="1"/>
    </xf>
    <xf numFmtId="0" fontId="8" fillId="0" borderId="23" xfId="0" applyFont="1" applyBorder="1" applyAlignment="1">
      <alignment horizontal="center" vertical="center" shrinkToFit="1"/>
    </xf>
    <xf numFmtId="0" fontId="5" fillId="0" borderId="23" xfId="0" applyFont="1" applyBorder="1" applyAlignment="1">
      <alignment horizontal="left" vertical="center" shrinkToFit="1"/>
    </xf>
    <xf numFmtId="0" fontId="5" fillId="0" borderId="23" xfId="0" applyFont="1" applyBorder="1" applyAlignment="1">
      <alignment horizontal="center" vertical="center" shrinkToFit="1"/>
    </xf>
    <xf numFmtId="3" fontId="3" fillId="0" borderId="23" xfId="0" applyNumberFormat="1" applyFont="1" applyBorder="1" applyAlignment="1">
      <alignment horizontal="center" vertical="center" shrinkToFit="1"/>
    </xf>
    <xf numFmtId="3" fontId="3" fillId="0" borderId="23" xfId="0" applyNumberFormat="1" applyFont="1" applyFill="1" applyBorder="1" applyAlignment="1">
      <alignment horizontal="center" vertical="center" shrinkToFit="1"/>
    </xf>
    <xf numFmtId="0" fontId="3" fillId="0" borderId="19" xfId="0" applyFont="1" applyBorder="1" applyAlignment="1">
      <alignment horizontal="center" vertical="center" shrinkToFit="1"/>
    </xf>
    <xf numFmtId="0" fontId="8" fillId="0" borderId="19" xfId="0" applyFont="1" applyBorder="1" applyAlignment="1">
      <alignment horizontal="left" vertical="center" shrinkToFit="1"/>
    </xf>
    <xf numFmtId="0" fontId="8" fillId="0" borderId="19" xfId="0" applyFont="1" applyBorder="1" applyAlignment="1">
      <alignment horizontal="center" vertical="center" shrinkToFit="1"/>
    </xf>
    <xf numFmtId="0" fontId="5" fillId="0" borderId="19" xfId="0" applyFont="1" applyBorder="1" applyAlignment="1">
      <alignment horizontal="left" vertical="center" shrinkToFit="1"/>
    </xf>
    <xf numFmtId="0" fontId="5" fillId="0" borderId="19" xfId="0" applyFont="1" applyBorder="1" applyAlignment="1">
      <alignment horizontal="center" vertical="center" shrinkToFit="1"/>
    </xf>
    <xf numFmtId="3" fontId="3" fillId="0" borderId="19" xfId="0" applyNumberFormat="1" applyFont="1" applyBorder="1" applyAlignment="1">
      <alignment horizontal="center" vertical="center" shrinkToFit="1"/>
    </xf>
    <xf numFmtId="3" fontId="3" fillId="0" borderId="19" xfId="0" applyNumberFormat="1" applyFont="1" applyFill="1" applyBorder="1" applyAlignment="1">
      <alignment horizontal="center" vertical="center" shrinkToFit="1"/>
    </xf>
    <xf numFmtId="0" fontId="3" fillId="0" borderId="0" xfId="0" applyFont="1" applyFill="1" applyAlignment="1">
      <alignment horizontal="left" vertical="center" wrapText="1"/>
    </xf>
    <xf numFmtId="3" fontId="3" fillId="0" borderId="31" xfId="0" applyNumberFormat="1" applyFont="1" applyBorder="1" applyAlignment="1">
      <alignment horizontal="center" vertical="center" shrinkToFit="1"/>
    </xf>
    <xf numFmtId="3" fontId="3" fillId="0" borderId="32" xfId="0" applyNumberFormat="1" applyFont="1" applyBorder="1" applyAlignment="1">
      <alignment horizontal="center" vertical="center" shrinkToFit="1"/>
    </xf>
    <xf numFmtId="3" fontId="3" fillId="0" borderId="36" xfId="0" applyNumberFormat="1" applyFont="1" applyBorder="1" applyAlignment="1">
      <alignment horizontal="center" vertical="center" shrinkToFit="1"/>
    </xf>
    <xf numFmtId="0" fontId="7" fillId="0" borderId="8" xfId="0" applyFont="1" applyBorder="1" applyAlignment="1">
      <alignment horizontal="left" vertical="center" wrapText="1" shrinkToFit="1"/>
    </xf>
    <xf numFmtId="0" fontId="8" fillId="0" borderId="8" xfId="0" applyFont="1" applyBorder="1" applyAlignment="1">
      <alignment horizontal="left" vertical="center" shrinkToFit="1"/>
    </xf>
    <xf numFmtId="0" fontId="7" fillId="0" borderId="8" xfId="0" applyFont="1" applyBorder="1" applyAlignment="1">
      <alignment horizontal="center" vertical="center" wrapText="1" shrinkToFit="1"/>
    </xf>
    <xf numFmtId="0" fontId="8" fillId="0" borderId="8" xfId="0" applyFont="1" applyBorder="1" applyAlignment="1">
      <alignment horizontal="center" vertical="center" shrinkToFit="1"/>
    </xf>
    <xf numFmtId="0" fontId="5" fillId="0" borderId="8" xfId="0" applyFont="1" applyBorder="1" applyAlignment="1">
      <alignment horizontal="left" vertical="center" shrinkToFit="1"/>
    </xf>
    <xf numFmtId="0" fontId="5" fillId="0" borderId="8" xfId="0" applyFont="1" applyBorder="1" applyAlignment="1">
      <alignment horizontal="center" vertical="center" shrinkToFit="1"/>
    </xf>
    <xf numFmtId="0" fontId="5" fillId="0" borderId="12" xfId="0" applyFont="1" applyBorder="1" applyAlignment="1">
      <alignment horizontal="center" vertical="center" shrinkToFit="1"/>
    </xf>
    <xf numFmtId="3" fontId="3" fillId="0" borderId="8" xfId="0" applyNumberFormat="1" applyFont="1" applyBorder="1" applyAlignment="1">
      <alignment horizontal="center" vertical="center" shrinkToFit="1"/>
    </xf>
    <xf numFmtId="3" fontId="3" fillId="0" borderId="12" xfId="0" applyNumberFormat="1" applyFont="1" applyBorder="1" applyAlignment="1">
      <alignment horizontal="center" vertical="center" shrinkToFit="1"/>
    </xf>
    <xf numFmtId="3" fontId="3" fillId="0" borderId="8" xfId="0" applyNumberFormat="1" applyFont="1" applyFill="1" applyBorder="1" applyAlignment="1">
      <alignment horizontal="center" vertical="center" shrinkToFit="1"/>
    </xf>
    <xf numFmtId="3" fontId="3" fillId="0" borderId="12" xfId="0" applyNumberFormat="1" applyFont="1" applyFill="1" applyBorder="1" applyAlignment="1">
      <alignment horizontal="center" vertical="center" shrinkToFit="1"/>
    </xf>
    <xf numFmtId="0" fontId="3" fillId="0" borderId="11" xfId="0" applyFont="1" applyBorder="1" applyAlignment="1">
      <alignment horizontal="center" vertical="center" shrinkToFit="1"/>
    </xf>
    <xf numFmtId="0" fontId="3" fillId="0" borderId="8" xfId="0" applyFont="1" applyBorder="1" applyAlignment="1">
      <alignment horizontal="center" vertical="center" shrinkToFit="1"/>
    </xf>
    <xf numFmtId="0" fontId="3" fillId="0" borderId="12" xfId="0" applyFont="1" applyBorder="1" applyAlignment="1">
      <alignment horizontal="center" vertical="center" shrinkToFit="1"/>
    </xf>
    <xf numFmtId="0" fontId="5" fillId="0" borderId="11" xfId="0" applyFont="1" applyBorder="1" applyAlignment="1">
      <alignment horizontal="center" vertical="center" wrapText="1" shrinkToFit="1"/>
    </xf>
    <xf numFmtId="0" fontId="5" fillId="0" borderId="8" xfId="0" applyFont="1" applyBorder="1" applyAlignment="1">
      <alignment horizontal="center" vertical="center" wrapText="1" shrinkToFit="1"/>
    </xf>
    <xf numFmtId="3" fontId="3" fillId="0" borderId="11" xfId="0" applyNumberFormat="1" applyFont="1" applyBorder="1" applyAlignment="1">
      <alignment horizontal="center" vertical="center" shrinkToFit="1"/>
    </xf>
    <xf numFmtId="3" fontId="3" fillId="0" borderId="14" xfId="0" applyNumberFormat="1" applyFont="1" applyBorder="1" applyAlignment="1">
      <alignment horizontal="center" vertical="center" shrinkToFit="1"/>
    </xf>
    <xf numFmtId="3" fontId="3" fillId="0" borderId="11" xfId="0" applyNumberFormat="1" applyFont="1" applyFill="1" applyBorder="1" applyAlignment="1">
      <alignment horizontal="center" vertical="center" shrinkToFit="1"/>
    </xf>
    <xf numFmtId="3" fontId="3" fillId="0" borderId="14" xfId="0" applyNumberFormat="1" applyFont="1" applyFill="1" applyBorder="1" applyAlignment="1">
      <alignment horizontal="center" vertical="center" shrinkToFit="1"/>
    </xf>
    <xf numFmtId="0" fontId="5" fillId="0" borderId="12" xfId="0" applyFont="1" applyBorder="1" applyAlignment="1">
      <alignment horizontal="left" vertical="center" shrinkToFit="1"/>
    </xf>
    <xf numFmtId="0" fontId="3" fillId="0" borderId="16" xfId="0" applyFont="1" applyBorder="1" applyAlignment="1">
      <alignment horizontal="center" vertical="center" shrinkToFit="1"/>
    </xf>
    <xf numFmtId="0" fontId="3" fillId="0" borderId="30" xfId="0" applyFont="1" applyBorder="1" applyAlignment="1">
      <alignment horizontal="center" vertical="center" shrinkToFit="1"/>
    </xf>
    <xf numFmtId="0" fontId="3" fillId="0" borderId="34" xfId="0" applyFont="1" applyBorder="1" applyAlignment="1">
      <alignment horizontal="center" vertical="center" shrinkToFit="1"/>
    </xf>
    <xf numFmtId="0" fontId="8" fillId="0" borderId="11" xfId="0" applyFont="1" applyBorder="1" applyAlignment="1">
      <alignment horizontal="left" vertical="center" wrapText="1" shrinkToFit="1"/>
    </xf>
    <xf numFmtId="0" fontId="8" fillId="0" borderId="11" xfId="0" applyFont="1" applyBorder="1" applyAlignment="1">
      <alignment horizontal="center" vertical="center" wrapText="1" shrinkToFit="1"/>
    </xf>
    <xf numFmtId="0" fontId="8" fillId="0" borderId="12" xfId="0" applyFont="1" applyBorder="1" applyAlignment="1">
      <alignment horizontal="left" vertical="center" shrinkToFit="1"/>
    </xf>
    <xf numFmtId="0" fontId="8" fillId="0" borderId="12" xfId="0" applyFont="1" applyBorder="1" applyAlignment="1">
      <alignment horizontal="center" vertical="center" shrinkToFit="1"/>
    </xf>
    <xf numFmtId="0" fontId="5" fillId="0" borderId="11" xfId="0" applyFont="1" applyBorder="1" applyAlignment="1">
      <alignment horizontal="left" vertical="center" wrapText="1" shrinkToFit="1"/>
    </xf>
    <xf numFmtId="3" fontId="3" fillId="0" borderId="10" xfId="0" applyNumberFormat="1" applyFont="1" applyBorder="1" applyAlignment="1">
      <alignment horizontal="center" vertical="center" shrinkToFit="1"/>
    </xf>
    <xf numFmtId="3" fontId="3" fillId="0" borderId="33" xfId="0" applyNumberFormat="1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center" vertical="center" shrinkToFit="1"/>
    </xf>
    <xf numFmtId="3" fontId="3" fillId="0" borderId="13" xfId="0" applyNumberFormat="1" applyFont="1" applyBorder="1" applyAlignment="1">
      <alignment horizontal="center" vertical="center" shrinkToFit="1"/>
    </xf>
    <xf numFmtId="3" fontId="3" fillId="0" borderId="13" xfId="0" applyNumberFormat="1" applyFont="1" applyFill="1" applyBorder="1" applyAlignment="1">
      <alignment horizontal="center" vertical="center" shrinkToFit="1"/>
    </xf>
    <xf numFmtId="0" fontId="3" fillId="0" borderId="15" xfId="0" applyFont="1" applyBorder="1" applyAlignment="1">
      <alignment horizontal="center" vertical="center" shrinkToFit="1"/>
    </xf>
    <xf numFmtId="0" fontId="3" fillId="0" borderId="10" xfId="0" applyFont="1" applyBorder="1" applyAlignment="1">
      <alignment horizontal="center" vertical="center" shrinkToFit="1"/>
    </xf>
    <xf numFmtId="0" fontId="8" fillId="0" borderId="10" xfId="0" applyFont="1" applyBorder="1" applyAlignment="1">
      <alignment horizontal="left" vertical="center" shrinkToFit="1"/>
    </xf>
    <xf numFmtId="0" fontId="8" fillId="0" borderId="10" xfId="0" applyFont="1" applyBorder="1" applyAlignment="1">
      <alignment horizontal="center" vertical="center" shrinkToFit="1"/>
    </xf>
    <xf numFmtId="3" fontId="3" fillId="0" borderId="10" xfId="0" applyNumberFormat="1" applyFont="1" applyFill="1" applyBorder="1" applyAlignment="1">
      <alignment horizontal="center" vertical="center" shrinkToFit="1"/>
    </xf>
    <xf numFmtId="0" fontId="5" fillId="0" borderId="10" xfId="0" applyFont="1" applyBorder="1" applyAlignment="1">
      <alignment horizontal="left" vertical="center" shrinkToFit="1"/>
    </xf>
    <xf numFmtId="0" fontId="6" fillId="0" borderId="25" xfId="0" applyFont="1" applyFill="1" applyBorder="1" applyAlignment="1">
      <alignment horizontal="center" vertical="center" wrapText="1"/>
    </xf>
    <xf numFmtId="0" fontId="6" fillId="0" borderId="26" xfId="0" applyFont="1" applyFill="1" applyBorder="1" applyAlignment="1">
      <alignment horizontal="center" vertical="center" wrapText="1"/>
    </xf>
    <xf numFmtId="0" fontId="6" fillId="0" borderId="38" xfId="0" applyFont="1" applyFill="1" applyBorder="1" applyAlignment="1">
      <alignment horizontal="center" vertical="center" wrapText="1"/>
    </xf>
    <xf numFmtId="0" fontId="6" fillId="0" borderId="1" xfId="0" applyFont="1" applyFill="1" applyBorder="1" applyAlignment="1">
      <alignment horizontal="center" vertical="center" wrapText="1"/>
    </xf>
    <xf numFmtId="0" fontId="4" fillId="0" borderId="1" xfId="0" applyFont="1" applyFill="1" applyBorder="1" applyAlignment="1">
      <alignment horizontal="center" vertical="center" wrapText="1"/>
    </xf>
    <xf numFmtId="0" fontId="9" fillId="0" borderId="11" xfId="0" applyFont="1" applyFill="1" applyBorder="1" applyAlignment="1">
      <alignment horizontal="left" vertical="center" wrapText="1"/>
    </xf>
    <xf numFmtId="0" fontId="9" fillId="0" borderId="8" xfId="0" applyFont="1" applyFill="1" applyBorder="1" applyAlignment="1">
      <alignment horizontal="left" vertical="center" wrapText="1"/>
    </xf>
    <xf numFmtId="0" fontId="9" fillId="0" borderId="10" xfId="0" applyFont="1" applyFill="1" applyBorder="1" applyAlignment="1">
      <alignment horizontal="left" vertical="center" wrapText="1"/>
    </xf>
    <xf numFmtId="0" fontId="6" fillId="0" borderId="11" xfId="0" applyNumberFormat="1" applyFont="1" applyFill="1" applyBorder="1" applyAlignment="1">
      <alignment horizontal="center" vertical="center" wrapText="1"/>
    </xf>
    <xf numFmtId="0" fontId="6" fillId="0" borderId="8" xfId="0" applyNumberFormat="1" applyFont="1" applyFill="1" applyBorder="1" applyAlignment="1">
      <alignment horizontal="center" vertical="center" wrapText="1"/>
    </xf>
    <xf numFmtId="0" fontId="6" fillId="0" borderId="10" xfId="0" applyNumberFormat="1" applyFont="1" applyFill="1" applyBorder="1" applyAlignment="1">
      <alignment horizontal="center" vertical="center" wrapText="1"/>
    </xf>
    <xf numFmtId="0" fontId="6" fillId="0" borderId="6" xfId="0" applyFont="1" applyFill="1" applyBorder="1" applyAlignment="1">
      <alignment horizontal="center" vertical="center" wrapText="1"/>
    </xf>
    <xf numFmtId="0" fontId="6" fillId="0" borderId="23" xfId="0" applyFont="1" applyFill="1" applyBorder="1" applyAlignment="1">
      <alignment horizontal="center" vertical="center" wrapText="1"/>
    </xf>
    <xf numFmtId="0" fontId="6" fillId="0" borderId="27" xfId="0" applyFont="1" applyFill="1" applyBorder="1" applyAlignment="1">
      <alignment horizontal="center" vertical="center" wrapText="1"/>
    </xf>
    <xf numFmtId="0" fontId="6" fillId="0" borderId="7" xfId="0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horizontal="center" vertical="center" wrapText="1"/>
    </xf>
    <xf numFmtId="0" fontId="6" fillId="0" borderId="28" xfId="0" applyFont="1" applyFill="1" applyBorder="1" applyAlignment="1">
      <alignment horizontal="center" vertical="center" wrapText="1"/>
    </xf>
    <xf numFmtId="0" fontId="6" fillId="0" borderId="20" xfId="0" applyFont="1" applyFill="1" applyBorder="1" applyAlignment="1">
      <alignment horizontal="center" vertical="center" wrapText="1"/>
    </xf>
    <xf numFmtId="0" fontId="6" fillId="0" borderId="21" xfId="0" applyFont="1" applyFill="1" applyBorder="1" applyAlignment="1">
      <alignment horizontal="center" vertical="center" wrapText="1"/>
    </xf>
    <xf numFmtId="0" fontId="6" fillId="0" borderId="17" xfId="0" applyFont="1" applyFill="1" applyBorder="1" applyAlignment="1">
      <alignment horizontal="center" vertical="center" wrapText="1"/>
    </xf>
    <xf numFmtId="0" fontId="6" fillId="0" borderId="18" xfId="0" applyFont="1" applyFill="1" applyBorder="1" applyAlignment="1">
      <alignment horizontal="center" vertical="center" wrapText="1"/>
    </xf>
    <xf numFmtId="0" fontId="6" fillId="0" borderId="22" xfId="0" applyFont="1" applyFill="1" applyBorder="1" applyAlignment="1">
      <alignment horizontal="center" vertical="center" wrapText="1"/>
    </xf>
    <xf numFmtId="0" fontId="6" fillId="0" borderId="29" xfId="0" applyFont="1" applyFill="1" applyBorder="1" applyAlignment="1">
      <alignment horizontal="center" vertical="center" wrapText="1"/>
    </xf>
    <xf numFmtId="0" fontId="6" fillId="0" borderId="9" xfId="0" applyFont="1" applyFill="1" applyBorder="1" applyAlignment="1">
      <alignment horizontal="center" vertical="center" wrapText="1"/>
    </xf>
    <xf numFmtId="0" fontId="6" fillId="0" borderId="8" xfId="0" applyFont="1" applyFill="1" applyBorder="1" applyAlignment="1">
      <alignment horizontal="center" vertical="center" wrapText="1"/>
    </xf>
    <xf numFmtId="0" fontId="6" fillId="0" borderId="10" xfId="0" applyFont="1" applyFill="1" applyBorder="1" applyAlignment="1">
      <alignment horizontal="center" vertical="center" wrapText="1"/>
    </xf>
    <xf numFmtId="0" fontId="6" fillId="0" borderId="20" xfId="0" applyFont="1" applyFill="1" applyBorder="1" applyAlignment="1">
      <alignment horizontal="center" vertical="center" wrapText="1" shrinkToFit="1"/>
    </xf>
    <xf numFmtId="0" fontId="6" fillId="0" borderId="27" xfId="0" applyFont="1" applyFill="1" applyBorder="1" applyAlignment="1">
      <alignment horizontal="center" vertical="center" shrinkToFit="1"/>
    </xf>
    <xf numFmtId="0" fontId="6" fillId="0" borderId="22" xfId="0" applyFont="1" applyFill="1" applyBorder="1" applyAlignment="1">
      <alignment horizontal="center" vertical="center" shrinkToFit="1"/>
    </xf>
    <xf numFmtId="0" fontId="6" fillId="0" borderId="29" xfId="0" applyFont="1" applyFill="1" applyBorder="1" applyAlignment="1">
      <alignment horizontal="center" vertical="center" shrinkToFit="1"/>
    </xf>
    <xf numFmtId="0" fontId="2" fillId="0" borderId="0" xfId="0" applyFont="1" applyFill="1" applyAlignment="1">
      <alignment horizontal="center" vertical="center"/>
    </xf>
    <xf numFmtId="0" fontId="6" fillId="0" borderId="5" xfId="0" applyFont="1" applyFill="1" applyBorder="1" applyAlignment="1">
      <alignment horizontal="center" vertical="center" wrapText="1"/>
    </xf>
    <xf numFmtId="0" fontId="6" fillId="0" borderId="24" xfId="0" applyFont="1" applyFill="1" applyBorder="1" applyAlignment="1">
      <alignment horizontal="center" vertical="center" wrapText="1"/>
    </xf>
    <xf numFmtId="0" fontId="6" fillId="0" borderId="19" xfId="0" applyFont="1" applyFill="1" applyBorder="1" applyAlignment="1">
      <alignment horizontal="left" vertical="center" wrapText="1"/>
    </xf>
    <xf numFmtId="0" fontId="3" fillId="0" borderId="0" xfId="0" applyFont="1" applyFill="1" applyAlignment="1">
      <alignment horizontal="left" vertical="center" wrapText="1"/>
    </xf>
    <xf numFmtId="0" fontId="7" fillId="0" borderId="4" xfId="0" applyFont="1" applyBorder="1" applyAlignment="1">
      <alignment horizontal="center" vertical="center" wrapText="1" shrinkToFit="1"/>
    </xf>
    <xf numFmtId="0" fontId="7" fillId="0" borderId="37" xfId="0" applyFont="1" applyBorder="1" applyAlignment="1">
      <alignment horizontal="center" vertical="center" wrapText="1" shrinkToFit="1"/>
    </xf>
    <xf numFmtId="0" fontId="7" fillId="0" borderId="5" xfId="0" applyFont="1" applyBorder="1" applyAlignment="1">
      <alignment horizontal="center" vertical="center" wrapText="1" shrinkToFit="1"/>
    </xf>
    <xf numFmtId="0" fontId="7" fillId="0" borderId="24" xfId="0" applyFont="1" applyBorder="1" applyAlignment="1">
      <alignment horizontal="center" vertical="center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26"/>
  <sheetViews>
    <sheetView tabSelected="1" view="pageBreakPreview" topLeftCell="C1" zoomScaleNormal="100" zoomScaleSheetLayoutView="100" workbookViewId="0">
      <selection activeCell="U9" sqref="U9"/>
    </sheetView>
  </sheetViews>
  <sheetFormatPr defaultColWidth="6.75" defaultRowHeight="13.5" x14ac:dyDescent="0.15"/>
  <cols>
    <col min="1" max="2" width="9.625" style="4" hidden="1" customWidth="1"/>
    <col min="3" max="3" width="5" style="4" customWidth="1"/>
    <col min="4" max="4" width="8.25" style="4" customWidth="1"/>
    <col min="5" max="5" width="5" style="4" customWidth="1"/>
    <col min="6" max="8" width="6.125" style="4" customWidth="1"/>
    <col min="9" max="9" width="19.5" style="4" customWidth="1"/>
    <col min="10" max="10" width="6.5" style="4" customWidth="1"/>
    <col min="11" max="11" width="13.5" style="4" customWidth="1"/>
    <col min="12" max="15" width="11.25" style="4" customWidth="1"/>
    <col min="16" max="17" width="5.625" style="4" customWidth="1"/>
    <col min="18" max="18" width="17" style="4" customWidth="1"/>
    <col min="19" max="19" width="4.5" style="4" customWidth="1"/>
    <col min="20" max="16384" width="6.75" style="4"/>
  </cols>
  <sheetData>
    <row r="1" spans="1:19" s="1" customFormat="1" ht="14.25" customHeight="1" x14ac:dyDescent="0.15">
      <c r="A1" s="125" t="s">
        <v>17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  <c r="N1" s="125"/>
      <c r="O1" s="125"/>
      <c r="P1" s="125"/>
      <c r="Q1" s="125"/>
      <c r="R1" s="125"/>
    </row>
    <row r="2" spans="1:19" s="1" customFormat="1" ht="14.25" customHeight="1" x14ac:dyDescent="0.2">
      <c r="A2" s="125"/>
      <c r="B2" s="125"/>
      <c r="C2" s="125"/>
      <c r="D2" s="125"/>
      <c r="E2" s="125"/>
      <c r="F2" s="125"/>
      <c r="G2" s="125"/>
      <c r="H2" s="125"/>
      <c r="I2" s="125"/>
      <c r="J2" s="125"/>
      <c r="K2" s="125"/>
      <c r="L2" s="125"/>
      <c r="M2" s="125"/>
      <c r="N2" s="125"/>
      <c r="O2" s="125"/>
      <c r="P2" s="125"/>
      <c r="Q2" s="125"/>
      <c r="R2" s="125"/>
      <c r="S2" s="5"/>
    </row>
    <row r="3" spans="1:19" s="1" customFormat="1" ht="13.5" customHeight="1" x14ac:dyDescent="0.2">
      <c r="A3" s="129" t="s">
        <v>42</v>
      </c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129"/>
      <c r="S3" s="5"/>
    </row>
    <row r="4" spans="1:19" s="1" customFormat="1" ht="12" customHeight="1" x14ac:dyDescent="0.2">
      <c r="A4" s="129"/>
      <c r="B4" s="129"/>
      <c r="C4" s="129"/>
      <c r="D4" s="129"/>
      <c r="E4" s="129"/>
      <c r="F4" s="129"/>
      <c r="G4" s="129"/>
      <c r="H4" s="129"/>
      <c r="I4" s="129"/>
      <c r="J4" s="129"/>
      <c r="K4" s="129"/>
      <c r="L4" s="129"/>
      <c r="M4" s="129"/>
      <c r="N4" s="129"/>
      <c r="O4" s="129"/>
      <c r="P4" s="129"/>
      <c r="Q4" s="129"/>
      <c r="R4" s="129"/>
      <c r="S4" s="5"/>
    </row>
    <row r="5" spans="1:19" s="1" customFormat="1" ht="21.75" customHeight="1" x14ac:dyDescent="0.2">
      <c r="A5" s="9"/>
      <c r="B5" s="9"/>
      <c r="C5" s="51"/>
      <c r="D5" s="51"/>
      <c r="E5" s="51"/>
      <c r="F5" s="51"/>
      <c r="G5" s="51"/>
      <c r="H5" s="51"/>
      <c r="I5" s="51"/>
      <c r="J5" s="51"/>
      <c r="K5" s="51"/>
      <c r="L5" s="13" t="s">
        <v>15</v>
      </c>
      <c r="M5" s="13"/>
      <c r="O5" s="12"/>
      <c r="P5" s="12"/>
      <c r="Q5" s="51"/>
      <c r="R5" s="51"/>
      <c r="S5" s="5"/>
    </row>
    <row r="6" spans="1:19" s="1" customFormat="1" ht="21.75" customHeight="1" thickBot="1" x14ac:dyDescent="0.25">
      <c r="A6" s="9"/>
      <c r="B6" s="9"/>
      <c r="C6" s="128" t="s">
        <v>19</v>
      </c>
      <c r="D6" s="128"/>
      <c r="E6" s="128"/>
      <c r="F6" s="128"/>
      <c r="G6" s="128"/>
      <c r="H6" s="128"/>
      <c r="I6" s="128"/>
      <c r="J6" s="128"/>
      <c r="K6" s="20"/>
      <c r="L6" s="10" t="s">
        <v>13</v>
      </c>
      <c r="M6" s="10"/>
      <c r="O6" s="10" t="s">
        <v>16</v>
      </c>
      <c r="R6" s="11"/>
      <c r="S6" s="5"/>
    </row>
    <row r="7" spans="1:19" s="1" customFormat="1" ht="14.25" customHeight="1" thickBot="1" x14ac:dyDescent="0.2">
      <c r="A7" s="106" t="s">
        <v>14</v>
      </c>
      <c r="B7" s="107"/>
      <c r="C7" s="106" t="s">
        <v>24</v>
      </c>
      <c r="D7" s="107"/>
      <c r="E7" s="108"/>
      <c r="F7" s="112" t="s">
        <v>41</v>
      </c>
      <c r="G7" s="107"/>
      <c r="H7" s="107"/>
      <c r="I7" s="108"/>
      <c r="J7" s="114" t="s">
        <v>38</v>
      </c>
      <c r="K7" s="114" t="s">
        <v>12</v>
      </c>
      <c r="L7" s="112" t="s">
        <v>8</v>
      </c>
      <c r="M7" s="108"/>
      <c r="N7" s="118" t="s">
        <v>7</v>
      </c>
      <c r="O7" s="118" t="s">
        <v>20</v>
      </c>
      <c r="P7" s="121" t="s">
        <v>37</v>
      </c>
      <c r="Q7" s="122"/>
      <c r="R7" s="95" t="s">
        <v>25</v>
      </c>
    </row>
    <row r="8" spans="1:19" s="1" customFormat="1" ht="14.25" customHeight="1" thickBot="1" x14ac:dyDescent="0.2">
      <c r="A8" s="109"/>
      <c r="B8" s="110"/>
      <c r="C8" s="109"/>
      <c r="D8" s="110"/>
      <c r="E8" s="111"/>
      <c r="F8" s="113"/>
      <c r="G8" s="110"/>
      <c r="H8" s="110"/>
      <c r="I8" s="111"/>
      <c r="J8" s="114"/>
      <c r="K8" s="114"/>
      <c r="L8" s="116"/>
      <c r="M8" s="117"/>
      <c r="N8" s="119"/>
      <c r="O8" s="119"/>
      <c r="P8" s="123"/>
      <c r="Q8" s="124"/>
      <c r="R8" s="96"/>
    </row>
    <row r="9" spans="1:19" s="1" customFormat="1" ht="14.25" customHeight="1" thickBot="1" x14ac:dyDescent="0.2">
      <c r="A9" s="109"/>
      <c r="B9" s="110"/>
      <c r="C9" s="97" t="s">
        <v>21</v>
      </c>
      <c r="D9" s="98" t="s">
        <v>23</v>
      </c>
      <c r="E9" s="99" t="s">
        <v>22</v>
      </c>
      <c r="F9" s="98" t="s">
        <v>0</v>
      </c>
      <c r="G9" s="98" t="s">
        <v>1</v>
      </c>
      <c r="H9" s="98" t="s">
        <v>2</v>
      </c>
      <c r="I9" s="100" t="s">
        <v>40</v>
      </c>
      <c r="J9" s="114"/>
      <c r="K9" s="114"/>
      <c r="L9" s="14" t="s">
        <v>9</v>
      </c>
      <c r="M9" s="15" t="s">
        <v>18</v>
      </c>
      <c r="N9" s="119"/>
      <c r="O9" s="119"/>
      <c r="P9" s="103" t="s">
        <v>11</v>
      </c>
      <c r="Q9" s="103" t="s">
        <v>36</v>
      </c>
      <c r="R9" s="96"/>
    </row>
    <row r="10" spans="1:19" s="2" customFormat="1" ht="14.25" customHeight="1" thickBot="1" x14ac:dyDescent="0.2">
      <c r="A10" s="109"/>
      <c r="B10" s="110"/>
      <c r="C10" s="97"/>
      <c r="D10" s="98"/>
      <c r="E10" s="99"/>
      <c r="F10" s="98"/>
      <c r="G10" s="98"/>
      <c r="H10" s="98"/>
      <c r="I10" s="101"/>
      <c r="J10" s="114"/>
      <c r="K10" s="114"/>
      <c r="L10" s="16" t="s">
        <v>3</v>
      </c>
      <c r="M10" s="17" t="s">
        <v>5</v>
      </c>
      <c r="N10" s="119"/>
      <c r="O10" s="119"/>
      <c r="P10" s="104"/>
      <c r="Q10" s="104"/>
      <c r="R10" s="96"/>
    </row>
    <row r="11" spans="1:19" s="1" customFormat="1" ht="14.25" customHeight="1" x14ac:dyDescent="0.15">
      <c r="A11" s="126"/>
      <c r="B11" s="127"/>
      <c r="C11" s="97"/>
      <c r="D11" s="98"/>
      <c r="E11" s="99"/>
      <c r="F11" s="98"/>
      <c r="G11" s="98"/>
      <c r="H11" s="98"/>
      <c r="I11" s="102"/>
      <c r="J11" s="115"/>
      <c r="K11" s="115"/>
      <c r="L11" s="18" t="s">
        <v>4</v>
      </c>
      <c r="M11" s="19" t="s">
        <v>6</v>
      </c>
      <c r="N11" s="120"/>
      <c r="O11" s="120"/>
      <c r="P11" s="105"/>
      <c r="Q11" s="105"/>
      <c r="R11" s="96"/>
    </row>
    <row r="12" spans="1:19" s="3" customFormat="1" ht="9" customHeight="1" x14ac:dyDescent="0.15">
      <c r="A12" s="130"/>
      <c r="B12" s="131"/>
      <c r="C12" s="76"/>
      <c r="D12" s="79" t="s">
        <v>33</v>
      </c>
      <c r="E12" s="80" t="s">
        <v>43</v>
      </c>
      <c r="F12" s="66"/>
      <c r="G12" s="66"/>
      <c r="H12" s="66"/>
      <c r="I12" s="83" t="s">
        <v>26</v>
      </c>
      <c r="J12" s="66"/>
      <c r="K12" s="69" t="s">
        <v>29</v>
      </c>
      <c r="L12" s="71"/>
      <c r="M12" s="73"/>
      <c r="N12" s="73"/>
      <c r="O12" s="71"/>
      <c r="P12" s="71"/>
      <c r="Q12" s="71"/>
      <c r="R12" s="52"/>
    </row>
    <row r="13" spans="1:19" s="3" customFormat="1" ht="9" customHeight="1" x14ac:dyDescent="0.15">
      <c r="A13" s="132"/>
      <c r="B13" s="133"/>
      <c r="C13" s="77"/>
      <c r="D13" s="56"/>
      <c r="E13" s="58"/>
      <c r="F13" s="67"/>
      <c r="G13" s="67"/>
      <c r="H13" s="67"/>
      <c r="I13" s="59"/>
      <c r="J13" s="67"/>
      <c r="K13" s="70"/>
      <c r="L13" s="62"/>
      <c r="M13" s="64"/>
      <c r="N13" s="64"/>
      <c r="O13" s="62"/>
      <c r="P13" s="62"/>
      <c r="Q13" s="62"/>
      <c r="R13" s="53"/>
    </row>
    <row r="14" spans="1:19" s="3" customFormat="1" ht="9" customHeight="1" x14ac:dyDescent="0.15">
      <c r="A14" s="21"/>
      <c r="B14" s="31"/>
      <c r="C14" s="77"/>
      <c r="D14" s="55" t="s">
        <v>32</v>
      </c>
      <c r="E14" s="57" t="s">
        <v>34</v>
      </c>
      <c r="F14" s="67"/>
      <c r="G14" s="67"/>
      <c r="H14" s="67"/>
      <c r="I14" s="59" t="s">
        <v>27</v>
      </c>
      <c r="J14" s="67"/>
      <c r="K14" s="70"/>
      <c r="L14" s="62"/>
      <c r="M14" s="64"/>
      <c r="N14" s="64"/>
      <c r="O14" s="62"/>
      <c r="P14" s="62"/>
      <c r="Q14" s="62"/>
      <c r="R14" s="53"/>
    </row>
    <row r="15" spans="1:19" s="3" customFormat="1" ht="9" customHeight="1" x14ac:dyDescent="0.15">
      <c r="A15" s="21"/>
      <c r="B15" s="31"/>
      <c r="C15" s="77"/>
      <c r="D15" s="56"/>
      <c r="E15" s="58"/>
      <c r="F15" s="67"/>
      <c r="G15" s="67"/>
      <c r="H15" s="67"/>
      <c r="I15" s="59"/>
      <c r="J15" s="67"/>
      <c r="K15" s="60" t="s">
        <v>30</v>
      </c>
      <c r="L15" s="87"/>
      <c r="M15" s="88"/>
      <c r="N15" s="64"/>
      <c r="O15" s="62"/>
      <c r="P15" s="62"/>
      <c r="Q15" s="62"/>
      <c r="R15" s="53"/>
    </row>
    <row r="16" spans="1:19" s="3" customFormat="1" ht="9" customHeight="1" x14ac:dyDescent="0.15">
      <c r="A16" s="21"/>
      <c r="B16" s="31"/>
      <c r="C16" s="77"/>
      <c r="D16" s="55" t="s">
        <v>31</v>
      </c>
      <c r="E16" s="57" t="s">
        <v>35</v>
      </c>
      <c r="F16" s="67"/>
      <c r="G16" s="67"/>
      <c r="H16" s="67"/>
      <c r="I16" s="59" t="s">
        <v>28</v>
      </c>
      <c r="J16" s="67"/>
      <c r="K16" s="60"/>
      <c r="L16" s="62"/>
      <c r="M16" s="64"/>
      <c r="N16" s="64"/>
      <c r="O16" s="62"/>
      <c r="P16" s="62"/>
      <c r="Q16" s="62"/>
      <c r="R16" s="53"/>
    </row>
    <row r="17" spans="1:18" s="3" customFormat="1" ht="9" customHeight="1" x14ac:dyDescent="0.15">
      <c r="A17" s="21"/>
      <c r="B17" s="31"/>
      <c r="C17" s="89"/>
      <c r="D17" s="91"/>
      <c r="E17" s="92"/>
      <c r="F17" s="90"/>
      <c r="G17" s="90"/>
      <c r="H17" s="90"/>
      <c r="I17" s="94"/>
      <c r="J17" s="90"/>
      <c r="K17" s="86"/>
      <c r="L17" s="62"/>
      <c r="M17" s="64"/>
      <c r="N17" s="93"/>
      <c r="O17" s="84"/>
      <c r="P17" s="84"/>
      <c r="Q17" s="84"/>
      <c r="R17" s="85"/>
    </row>
    <row r="18" spans="1:18" s="3" customFormat="1" ht="9" customHeight="1" x14ac:dyDescent="0.15">
      <c r="A18" s="22"/>
      <c r="B18" s="32"/>
      <c r="C18" s="76"/>
      <c r="D18" s="79" t="s">
        <v>33</v>
      </c>
      <c r="E18" s="80" t="s">
        <v>43</v>
      </c>
      <c r="F18" s="66"/>
      <c r="G18" s="66"/>
      <c r="H18" s="66"/>
      <c r="I18" s="83" t="s">
        <v>26</v>
      </c>
      <c r="J18" s="66"/>
      <c r="K18" s="69" t="s">
        <v>29</v>
      </c>
      <c r="L18" s="71"/>
      <c r="M18" s="73"/>
      <c r="N18" s="73"/>
      <c r="O18" s="71"/>
      <c r="P18" s="71"/>
      <c r="Q18" s="71"/>
      <c r="R18" s="52"/>
    </row>
    <row r="19" spans="1:18" s="3" customFormat="1" ht="9" customHeight="1" x14ac:dyDescent="0.15">
      <c r="A19" s="23"/>
      <c r="B19" s="33"/>
      <c r="C19" s="77"/>
      <c r="D19" s="56"/>
      <c r="E19" s="58"/>
      <c r="F19" s="67"/>
      <c r="G19" s="67"/>
      <c r="H19" s="67"/>
      <c r="I19" s="59"/>
      <c r="J19" s="67"/>
      <c r="K19" s="70"/>
      <c r="L19" s="62"/>
      <c r="M19" s="64"/>
      <c r="N19" s="64"/>
      <c r="O19" s="62"/>
      <c r="P19" s="62"/>
      <c r="Q19" s="62"/>
      <c r="R19" s="53"/>
    </row>
    <row r="20" spans="1:18" s="3" customFormat="1" ht="9" customHeight="1" x14ac:dyDescent="0.15">
      <c r="A20" s="24"/>
      <c r="B20" s="34"/>
      <c r="C20" s="77"/>
      <c r="D20" s="55" t="s">
        <v>32</v>
      </c>
      <c r="E20" s="57" t="s">
        <v>34</v>
      </c>
      <c r="F20" s="67"/>
      <c r="G20" s="67"/>
      <c r="H20" s="67"/>
      <c r="I20" s="59" t="s">
        <v>27</v>
      </c>
      <c r="J20" s="67"/>
      <c r="K20" s="70"/>
      <c r="L20" s="72"/>
      <c r="M20" s="74"/>
      <c r="N20" s="64"/>
      <c r="O20" s="62"/>
      <c r="P20" s="62"/>
      <c r="Q20" s="62"/>
      <c r="R20" s="53"/>
    </row>
    <row r="21" spans="1:18" s="3" customFormat="1" ht="9" customHeight="1" x14ac:dyDescent="0.15">
      <c r="A21" s="25"/>
      <c r="B21" s="35"/>
      <c r="C21" s="77"/>
      <c r="D21" s="56"/>
      <c r="E21" s="58"/>
      <c r="F21" s="67"/>
      <c r="G21" s="67"/>
      <c r="H21" s="67"/>
      <c r="I21" s="59"/>
      <c r="J21" s="67"/>
      <c r="K21" s="60" t="s">
        <v>30</v>
      </c>
      <c r="L21" s="62"/>
      <c r="M21" s="64"/>
      <c r="N21" s="64"/>
      <c r="O21" s="62"/>
      <c r="P21" s="62"/>
      <c r="Q21" s="62"/>
      <c r="R21" s="53"/>
    </row>
    <row r="22" spans="1:18" s="3" customFormat="1" ht="9" customHeight="1" x14ac:dyDescent="0.15">
      <c r="A22" s="24"/>
      <c r="B22" s="34"/>
      <c r="C22" s="77"/>
      <c r="D22" s="55" t="s">
        <v>31</v>
      </c>
      <c r="E22" s="57" t="s">
        <v>35</v>
      </c>
      <c r="F22" s="67"/>
      <c r="G22" s="67"/>
      <c r="H22" s="67"/>
      <c r="I22" s="59" t="s">
        <v>28</v>
      </c>
      <c r="J22" s="67"/>
      <c r="K22" s="60"/>
      <c r="L22" s="62"/>
      <c r="M22" s="64"/>
      <c r="N22" s="64"/>
      <c r="O22" s="62"/>
      <c r="P22" s="62"/>
      <c r="Q22" s="62"/>
      <c r="R22" s="53"/>
    </row>
    <row r="23" spans="1:18" s="3" customFormat="1" ht="9" customHeight="1" x14ac:dyDescent="0.15">
      <c r="A23" s="25"/>
      <c r="B23" s="35"/>
      <c r="C23" s="89"/>
      <c r="D23" s="91"/>
      <c r="E23" s="92"/>
      <c r="F23" s="90"/>
      <c r="G23" s="90"/>
      <c r="H23" s="90"/>
      <c r="I23" s="94"/>
      <c r="J23" s="90"/>
      <c r="K23" s="86"/>
      <c r="L23" s="62"/>
      <c r="M23" s="64"/>
      <c r="N23" s="93"/>
      <c r="O23" s="84"/>
      <c r="P23" s="84"/>
      <c r="Q23" s="84"/>
      <c r="R23" s="85"/>
    </row>
    <row r="24" spans="1:18" s="3" customFormat="1" ht="9" customHeight="1" x14ac:dyDescent="0.15">
      <c r="A24" s="24"/>
      <c r="B24" s="34"/>
      <c r="C24" s="76"/>
      <c r="D24" s="79" t="s">
        <v>33</v>
      </c>
      <c r="E24" s="80" t="s">
        <v>43</v>
      </c>
      <c r="F24" s="66"/>
      <c r="G24" s="66"/>
      <c r="H24" s="66"/>
      <c r="I24" s="83" t="s">
        <v>26</v>
      </c>
      <c r="J24" s="66"/>
      <c r="K24" s="69" t="s">
        <v>29</v>
      </c>
      <c r="L24" s="71"/>
      <c r="M24" s="73"/>
      <c r="N24" s="73"/>
      <c r="O24" s="71"/>
      <c r="P24" s="71"/>
      <c r="Q24" s="71"/>
      <c r="R24" s="52"/>
    </row>
    <row r="25" spans="1:18" s="3" customFormat="1" ht="9" customHeight="1" x14ac:dyDescent="0.15">
      <c r="A25" s="25"/>
      <c r="B25" s="35"/>
      <c r="C25" s="77"/>
      <c r="D25" s="56"/>
      <c r="E25" s="58"/>
      <c r="F25" s="67"/>
      <c r="G25" s="67"/>
      <c r="H25" s="67"/>
      <c r="I25" s="59"/>
      <c r="J25" s="67"/>
      <c r="K25" s="70"/>
      <c r="L25" s="62"/>
      <c r="M25" s="64"/>
      <c r="N25" s="64"/>
      <c r="O25" s="62"/>
      <c r="P25" s="62"/>
      <c r="Q25" s="62"/>
      <c r="R25" s="53"/>
    </row>
    <row r="26" spans="1:18" s="3" customFormat="1" ht="9" customHeight="1" x14ac:dyDescent="0.15">
      <c r="A26" s="24"/>
      <c r="B26" s="34"/>
      <c r="C26" s="77"/>
      <c r="D26" s="55" t="s">
        <v>32</v>
      </c>
      <c r="E26" s="57" t="s">
        <v>34</v>
      </c>
      <c r="F26" s="67"/>
      <c r="G26" s="67"/>
      <c r="H26" s="67"/>
      <c r="I26" s="59" t="s">
        <v>27</v>
      </c>
      <c r="J26" s="67"/>
      <c r="K26" s="70"/>
      <c r="L26" s="62"/>
      <c r="M26" s="64"/>
      <c r="N26" s="64"/>
      <c r="O26" s="62"/>
      <c r="P26" s="62"/>
      <c r="Q26" s="62"/>
      <c r="R26" s="53"/>
    </row>
    <row r="27" spans="1:18" s="3" customFormat="1" ht="9" customHeight="1" x14ac:dyDescent="0.15">
      <c r="A27" s="25"/>
      <c r="B27" s="35"/>
      <c r="C27" s="77"/>
      <c r="D27" s="56"/>
      <c r="E27" s="58"/>
      <c r="F27" s="67"/>
      <c r="G27" s="67"/>
      <c r="H27" s="67"/>
      <c r="I27" s="59"/>
      <c r="J27" s="67"/>
      <c r="K27" s="60" t="s">
        <v>30</v>
      </c>
      <c r="L27" s="87"/>
      <c r="M27" s="88"/>
      <c r="N27" s="64"/>
      <c r="O27" s="62"/>
      <c r="P27" s="62"/>
      <c r="Q27" s="62"/>
      <c r="R27" s="53"/>
    </row>
    <row r="28" spans="1:18" s="3" customFormat="1" ht="9" customHeight="1" x14ac:dyDescent="0.15">
      <c r="A28" s="24"/>
      <c r="B28" s="34"/>
      <c r="C28" s="77"/>
      <c r="D28" s="55" t="s">
        <v>31</v>
      </c>
      <c r="E28" s="57" t="s">
        <v>35</v>
      </c>
      <c r="F28" s="67"/>
      <c r="G28" s="67"/>
      <c r="H28" s="67"/>
      <c r="I28" s="59" t="s">
        <v>28</v>
      </c>
      <c r="J28" s="67"/>
      <c r="K28" s="60"/>
      <c r="L28" s="62"/>
      <c r="M28" s="64"/>
      <c r="N28" s="64"/>
      <c r="O28" s="62"/>
      <c r="P28" s="62"/>
      <c r="Q28" s="62"/>
      <c r="R28" s="53"/>
    </row>
    <row r="29" spans="1:18" s="3" customFormat="1" ht="9" customHeight="1" x14ac:dyDescent="0.15">
      <c r="A29" s="25"/>
      <c r="B29" s="35"/>
      <c r="C29" s="89"/>
      <c r="D29" s="91"/>
      <c r="E29" s="92"/>
      <c r="F29" s="90"/>
      <c r="G29" s="90"/>
      <c r="H29" s="90"/>
      <c r="I29" s="94"/>
      <c r="J29" s="90"/>
      <c r="K29" s="86"/>
      <c r="L29" s="62"/>
      <c r="M29" s="64"/>
      <c r="N29" s="93"/>
      <c r="O29" s="84"/>
      <c r="P29" s="84"/>
      <c r="Q29" s="84"/>
      <c r="R29" s="85"/>
    </row>
    <row r="30" spans="1:18" s="3" customFormat="1" ht="9" customHeight="1" x14ac:dyDescent="0.15">
      <c r="A30" s="24"/>
      <c r="B30" s="34"/>
      <c r="C30" s="76"/>
      <c r="D30" s="79" t="s">
        <v>33</v>
      </c>
      <c r="E30" s="80" t="s">
        <v>43</v>
      </c>
      <c r="F30" s="66"/>
      <c r="G30" s="66"/>
      <c r="H30" s="66"/>
      <c r="I30" s="83" t="s">
        <v>26</v>
      </c>
      <c r="J30" s="66"/>
      <c r="K30" s="69" t="s">
        <v>29</v>
      </c>
      <c r="L30" s="71"/>
      <c r="M30" s="73"/>
      <c r="N30" s="73"/>
      <c r="O30" s="71"/>
      <c r="P30" s="71"/>
      <c r="Q30" s="71"/>
      <c r="R30" s="52"/>
    </row>
    <row r="31" spans="1:18" s="3" customFormat="1" ht="9" customHeight="1" thickBot="1" x14ac:dyDescent="0.2">
      <c r="A31" s="26"/>
      <c r="B31" s="36"/>
      <c r="C31" s="77"/>
      <c r="D31" s="56"/>
      <c r="E31" s="58"/>
      <c r="F31" s="67"/>
      <c r="G31" s="67"/>
      <c r="H31" s="67"/>
      <c r="I31" s="59"/>
      <c r="J31" s="67"/>
      <c r="K31" s="70"/>
      <c r="L31" s="62"/>
      <c r="M31" s="64"/>
      <c r="N31" s="64"/>
      <c r="O31" s="62"/>
      <c r="P31" s="62"/>
      <c r="Q31" s="62"/>
      <c r="R31" s="53"/>
    </row>
    <row r="32" spans="1:18" s="6" customFormat="1" ht="9" customHeight="1" x14ac:dyDescent="0.15">
      <c r="A32" s="27"/>
      <c r="B32" s="8"/>
      <c r="C32" s="77"/>
      <c r="D32" s="55" t="s">
        <v>32</v>
      </c>
      <c r="E32" s="57" t="s">
        <v>34</v>
      </c>
      <c r="F32" s="67"/>
      <c r="G32" s="67"/>
      <c r="H32" s="67"/>
      <c r="I32" s="59" t="s">
        <v>27</v>
      </c>
      <c r="J32" s="67"/>
      <c r="K32" s="70"/>
      <c r="L32" s="72"/>
      <c r="M32" s="74"/>
      <c r="N32" s="64"/>
      <c r="O32" s="62"/>
      <c r="P32" s="62"/>
      <c r="Q32" s="62"/>
      <c r="R32" s="53"/>
    </row>
    <row r="33" spans="1:18" s="6" customFormat="1" ht="9" customHeight="1" x14ac:dyDescent="0.15">
      <c r="A33" s="27"/>
      <c r="B33" s="8"/>
      <c r="C33" s="77"/>
      <c r="D33" s="56"/>
      <c r="E33" s="58"/>
      <c r="F33" s="67"/>
      <c r="G33" s="67"/>
      <c r="H33" s="67"/>
      <c r="I33" s="59"/>
      <c r="J33" s="67"/>
      <c r="K33" s="60" t="s">
        <v>30</v>
      </c>
      <c r="L33" s="87"/>
      <c r="M33" s="88"/>
      <c r="N33" s="64"/>
      <c r="O33" s="62"/>
      <c r="P33" s="62"/>
      <c r="Q33" s="62"/>
      <c r="R33" s="53"/>
    </row>
    <row r="34" spans="1:18" s="6" customFormat="1" ht="9" customHeight="1" x14ac:dyDescent="0.15">
      <c r="A34" s="27"/>
      <c r="B34" s="8"/>
      <c r="C34" s="77"/>
      <c r="D34" s="55" t="s">
        <v>31</v>
      </c>
      <c r="E34" s="57" t="s">
        <v>35</v>
      </c>
      <c r="F34" s="67"/>
      <c r="G34" s="67"/>
      <c r="H34" s="67"/>
      <c r="I34" s="59" t="s">
        <v>28</v>
      </c>
      <c r="J34" s="67"/>
      <c r="K34" s="60"/>
      <c r="L34" s="62"/>
      <c r="M34" s="64"/>
      <c r="N34" s="64"/>
      <c r="O34" s="62"/>
      <c r="P34" s="62"/>
      <c r="Q34" s="62"/>
      <c r="R34" s="53"/>
    </row>
    <row r="35" spans="1:18" s="6" customFormat="1" ht="9" customHeight="1" x14ac:dyDescent="0.15">
      <c r="A35" s="27"/>
      <c r="B35" s="8"/>
      <c r="C35" s="89"/>
      <c r="D35" s="91"/>
      <c r="E35" s="92"/>
      <c r="F35" s="90"/>
      <c r="G35" s="90"/>
      <c r="H35" s="90"/>
      <c r="I35" s="94"/>
      <c r="J35" s="90"/>
      <c r="K35" s="86"/>
      <c r="L35" s="62"/>
      <c r="M35" s="64"/>
      <c r="N35" s="93"/>
      <c r="O35" s="84"/>
      <c r="P35" s="84"/>
      <c r="Q35" s="84"/>
      <c r="R35" s="85"/>
    </row>
    <row r="36" spans="1:18" s="6" customFormat="1" ht="9" customHeight="1" x14ac:dyDescent="0.15">
      <c r="A36" s="27"/>
      <c r="B36" s="8"/>
      <c r="C36" s="76"/>
      <c r="D36" s="79" t="s">
        <v>33</v>
      </c>
      <c r="E36" s="80" t="s">
        <v>43</v>
      </c>
      <c r="F36" s="66"/>
      <c r="G36" s="66"/>
      <c r="H36" s="66"/>
      <c r="I36" s="83" t="s">
        <v>26</v>
      </c>
      <c r="J36" s="66"/>
      <c r="K36" s="69" t="s">
        <v>29</v>
      </c>
      <c r="L36" s="71"/>
      <c r="M36" s="73"/>
      <c r="N36" s="73"/>
      <c r="O36" s="71"/>
      <c r="P36" s="71"/>
      <c r="Q36" s="71"/>
      <c r="R36" s="52"/>
    </row>
    <row r="37" spans="1:18" ht="9" customHeight="1" x14ac:dyDescent="0.15">
      <c r="A37" s="28"/>
      <c r="B37" s="7"/>
      <c r="C37" s="77"/>
      <c r="D37" s="56"/>
      <c r="E37" s="58"/>
      <c r="F37" s="67"/>
      <c r="G37" s="67"/>
      <c r="H37" s="67"/>
      <c r="I37" s="59"/>
      <c r="J37" s="67"/>
      <c r="K37" s="70"/>
      <c r="L37" s="62"/>
      <c r="M37" s="64"/>
      <c r="N37" s="64"/>
      <c r="O37" s="62"/>
      <c r="P37" s="62"/>
      <c r="Q37" s="62"/>
      <c r="R37" s="53"/>
    </row>
    <row r="38" spans="1:18" ht="9" customHeight="1" x14ac:dyDescent="0.15">
      <c r="A38" s="28"/>
      <c r="B38" s="7"/>
      <c r="C38" s="77"/>
      <c r="D38" s="55" t="s">
        <v>32</v>
      </c>
      <c r="E38" s="57" t="s">
        <v>34</v>
      </c>
      <c r="F38" s="67"/>
      <c r="G38" s="67"/>
      <c r="H38" s="67"/>
      <c r="I38" s="59" t="s">
        <v>27</v>
      </c>
      <c r="J38" s="67"/>
      <c r="K38" s="70"/>
      <c r="L38" s="72"/>
      <c r="M38" s="74"/>
      <c r="N38" s="64"/>
      <c r="O38" s="62"/>
      <c r="P38" s="62"/>
      <c r="Q38" s="62"/>
      <c r="R38" s="53"/>
    </row>
    <row r="39" spans="1:18" ht="9" customHeight="1" x14ac:dyDescent="0.15">
      <c r="A39" s="28"/>
      <c r="B39" s="7"/>
      <c r="C39" s="77"/>
      <c r="D39" s="56"/>
      <c r="E39" s="58"/>
      <c r="F39" s="67"/>
      <c r="G39" s="67"/>
      <c r="H39" s="67"/>
      <c r="I39" s="59"/>
      <c r="J39" s="67"/>
      <c r="K39" s="60" t="s">
        <v>30</v>
      </c>
      <c r="L39" s="87"/>
      <c r="M39" s="88"/>
      <c r="N39" s="64"/>
      <c r="O39" s="62"/>
      <c r="P39" s="62"/>
      <c r="Q39" s="62"/>
      <c r="R39" s="53"/>
    </row>
    <row r="40" spans="1:18" ht="9" customHeight="1" x14ac:dyDescent="0.15">
      <c r="A40" s="28"/>
      <c r="B40" s="7"/>
      <c r="C40" s="77"/>
      <c r="D40" s="55" t="s">
        <v>31</v>
      </c>
      <c r="E40" s="57" t="s">
        <v>35</v>
      </c>
      <c r="F40" s="67"/>
      <c r="G40" s="67"/>
      <c r="H40" s="67"/>
      <c r="I40" s="59" t="s">
        <v>28</v>
      </c>
      <c r="J40" s="67"/>
      <c r="K40" s="60"/>
      <c r="L40" s="62"/>
      <c r="M40" s="64"/>
      <c r="N40" s="64"/>
      <c r="O40" s="62"/>
      <c r="P40" s="62"/>
      <c r="Q40" s="62"/>
      <c r="R40" s="53"/>
    </row>
    <row r="41" spans="1:18" ht="9" customHeight="1" x14ac:dyDescent="0.15">
      <c r="A41" s="28"/>
      <c r="B41" s="7"/>
      <c r="C41" s="89"/>
      <c r="D41" s="91"/>
      <c r="E41" s="92"/>
      <c r="F41" s="90"/>
      <c r="G41" s="90"/>
      <c r="H41" s="90"/>
      <c r="I41" s="94"/>
      <c r="J41" s="90"/>
      <c r="K41" s="86"/>
      <c r="L41" s="62"/>
      <c r="M41" s="64"/>
      <c r="N41" s="93"/>
      <c r="O41" s="84"/>
      <c r="P41" s="84"/>
      <c r="Q41" s="84"/>
      <c r="R41" s="85"/>
    </row>
    <row r="42" spans="1:18" ht="9" customHeight="1" x14ac:dyDescent="0.15">
      <c r="A42" s="28"/>
      <c r="B42" s="7"/>
      <c r="C42" s="76"/>
      <c r="D42" s="79" t="s">
        <v>33</v>
      </c>
      <c r="E42" s="80" t="s">
        <v>43</v>
      </c>
      <c r="F42" s="66"/>
      <c r="G42" s="66"/>
      <c r="H42" s="66"/>
      <c r="I42" s="83" t="s">
        <v>26</v>
      </c>
      <c r="J42" s="66"/>
      <c r="K42" s="69" t="s">
        <v>29</v>
      </c>
      <c r="L42" s="71"/>
      <c r="M42" s="73"/>
      <c r="N42" s="73"/>
      <c r="O42" s="71"/>
      <c r="P42" s="71"/>
      <c r="Q42" s="71"/>
      <c r="R42" s="52"/>
    </row>
    <row r="43" spans="1:18" ht="9" customHeight="1" x14ac:dyDescent="0.15">
      <c r="A43" s="28"/>
      <c r="B43" s="7"/>
      <c r="C43" s="77"/>
      <c r="D43" s="56"/>
      <c r="E43" s="58"/>
      <c r="F43" s="67"/>
      <c r="G43" s="67"/>
      <c r="H43" s="67"/>
      <c r="I43" s="59"/>
      <c r="J43" s="67"/>
      <c r="K43" s="70"/>
      <c r="L43" s="62"/>
      <c r="M43" s="64"/>
      <c r="N43" s="64"/>
      <c r="O43" s="62"/>
      <c r="P43" s="62"/>
      <c r="Q43" s="62"/>
      <c r="R43" s="53"/>
    </row>
    <row r="44" spans="1:18" ht="9" customHeight="1" x14ac:dyDescent="0.15">
      <c r="A44" s="28"/>
      <c r="B44" s="7"/>
      <c r="C44" s="77"/>
      <c r="D44" s="55" t="s">
        <v>32</v>
      </c>
      <c r="E44" s="57" t="s">
        <v>34</v>
      </c>
      <c r="F44" s="67"/>
      <c r="G44" s="67"/>
      <c r="H44" s="67"/>
      <c r="I44" s="59" t="s">
        <v>27</v>
      </c>
      <c r="J44" s="67"/>
      <c r="K44" s="70"/>
      <c r="L44" s="72"/>
      <c r="M44" s="74"/>
      <c r="N44" s="64"/>
      <c r="O44" s="62"/>
      <c r="P44" s="62"/>
      <c r="Q44" s="62"/>
      <c r="R44" s="53"/>
    </row>
    <row r="45" spans="1:18" ht="9" customHeight="1" x14ac:dyDescent="0.15">
      <c r="A45" s="28"/>
      <c r="B45" s="7"/>
      <c r="C45" s="77"/>
      <c r="D45" s="56"/>
      <c r="E45" s="58"/>
      <c r="F45" s="67"/>
      <c r="G45" s="67"/>
      <c r="H45" s="67"/>
      <c r="I45" s="59"/>
      <c r="J45" s="67"/>
      <c r="K45" s="60" t="s">
        <v>30</v>
      </c>
      <c r="L45" s="87"/>
      <c r="M45" s="88"/>
      <c r="N45" s="64"/>
      <c r="O45" s="62"/>
      <c r="P45" s="62"/>
      <c r="Q45" s="62"/>
      <c r="R45" s="53"/>
    </row>
    <row r="46" spans="1:18" ht="9" customHeight="1" x14ac:dyDescent="0.15">
      <c r="A46" s="28"/>
      <c r="B46" s="7"/>
      <c r="C46" s="77"/>
      <c r="D46" s="55" t="s">
        <v>31</v>
      </c>
      <c r="E46" s="57" t="s">
        <v>35</v>
      </c>
      <c r="F46" s="67"/>
      <c r="G46" s="67"/>
      <c r="H46" s="67"/>
      <c r="I46" s="59" t="s">
        <v>28</v>
      </c>
      <c r="J46" s="67"/>
      <c r="K46" s="60"/>
      <c r="L46" s="62"/>
      <c r="M46" s="64"/>
      <c r="N46" s="64"/>
      <c r="O46" s="62"/>
      <c r="P46" s="62"/>
      <c r="Q46" s="62"/>
      <c r="R46" s="53"/>
    </row>
    <row r="47" spans="1:18" ht="9" customHeight="1" x14ac:dyDescent="0.15">
      <c r="A47" s="28"/>
      <c r="B47" s="7"/>
      <c r="C47" s="89"/>
      <c r="D47" s="91"/>
      <c r="E47" s="92"/>
      <c r="F47" s="90"/>
      <c r="G47" s="90"/>
      <c r="H47" s="90"/>
      <c r="I47" s="94"/>
      <c r="J47" s="90"/>
      <c r="K47" s="86"/>
      <c r="L47" s="62"/>
      <c r="M47" s="64"/>
      <c r="N47" s="93"/>
      <c r="O47" s="84"/>
      <c r="P47" s="84"/>
      <c r="Q47" s="84"/>
      <c r="R47" s="85"/>
    </row>
    <row r="48" spans="1:18" ht="9" customHeight="1" x14ac:dyDescent="0.15">
      <c r="A48" s="28"/>
      <c r="B48" s="7"/>
      <c r="C48" s="76"/>
      <c r="D48" s="79" t="s">
        <v>33</v>
      </c>
      <c r="E48" s="80" t="s">
        <v>43</v>
      </c>
      <c r="F48" s="66"/>
      <c r="G48" s="66"/>
      <c r="H48" s="66"/>
      <c r="I48" s="83" t="s">
        <v>26</v>
      </c>
      <c r="J48" s="66"/>
      <c r="K48" s="69" t="s">
        <v>29</v>
      </c>
      <c r="L48" s="71"/>
      <c r="M48" s="73"/>
      <c r="N48" s="73"/>
      <c r="O48" s="71"/>
      <c r="P48" s="71"/>
      <c r="Q48" s="71"/>
      <c r="R48" s="52"/>
    </row>
    <row r="49" spans="1:18" ht="9" customHeight="1" x14ac:dyDescent="0.15">
      <c r="A49" s="28"/>
      <c r="B49" s="7"/>
      <c r="C49" s="77"/>
      <c r="D49" s="56"/>
      <c r="E49" s="58"/>
      <c r="F49" s="67"/>
      <c r="G49" s="67"/>
      <c r="H49" s="67"/>
      <c r="I49" s="59"/>
      <c r="J49" s="67"/>
      <c r="K49" s="70"/>
      <c r="L49" s="62"/>
      <c r="M49" s="64"/>
      <c r="N49" s="64"/>
      <c r="O49" s="62"/>
      <c r="P49" s="62"/>
      <c r="Q49" s="62"/>
      <c r="R49" s="53"/>
    </row>
    <row r="50" spans="1:18" ht="9" customHeight="1" x14ac:dyDescent="0.15">
      <c r="A50" s="28"/>
      <c r="B50" s="7"/>
      <c r="C50" s="77"/>
      <c r="D50" s="55" t="s">
        <v>32</v>
      </c>
      <c r="E50" s="57" t="s">
        <v>34</v>
      </c>
      <c r="F50" s="67"/>
      <c r="G50" s="67"/>
      <c r="H50" s="67"/>
      <c r="I50" s="59" t="s">
        <v>27</v>
      </c>
      <c r="J50" s="67"/>
      <c r="K50" s="70"/>
      <c r="L50" s="72"/>
      <c r="M50" s="74"/>
      <c r="N50" s="64"/>
      <c r="O50" s="62"/>
      <c r="P50" s="62"/>
      <c r="Q50" s="62"/>
      <c r="R50" s="53"/>
    </row>
    <row r="51" spans="1:18" ht="9" customHeight="1" x14ac:dyDescent="0.15">
      <c r="A51" s="28"/>
      <c r="B51" s="7"/>
      <c r="C51" s="77"/>
      <c r="D51" s="56"/>
      <c r="E51" s="58"/>
      <c r="F51" s="67"/>
      <c r="G51" s="67"/>
      <c r="H51" s="67"/>
      <c r="I51" s="59"/>
      <c r="J51" s="67"/>
      <c r="K51" s="60" t="s">
        <v>30</v>
      </c>
      <c r="L51" s="87"/>
      <c r="M51" s="88"/>
      <c r="N51" s="64"/>
      <c r="O51" s="62"/>
      <c r="P51" s="62"/>
      <c r="Q51" s="62"/>
      <c r="R51" s="53"/>
    </row>
    <row r="52" spans="1:18" ht="9" customHeight="1" x14ac:dyDescent="0.15">
      <c r="A52" s="28"/>
      <c r="B52" s="7"/>
      <c r="C52" s="77"/>
      <c r="D52" s="55" t="s">
        <v>31</v>
      </c>
      <c r="E52" s="57" t="s">
        <v>35</v>
      </c>
      <c r="F52" s="67"/>
      <c r="G52" s="67"/>
      <c r="H52" s="67"/>
      <c r="I52" s="59" t="s">
        <v>28</v>
      </c>
      <c r="J52" s="67"/>
      <c r="K52" s="60"/>
      <c r="L52" s="62"/>
      <c r="M52" s="64"/>
      <c r="N52" s="64"/>
      <c r="O52" s="62"/>
      <c r="P52" s="62"/>
      <c r="Q52" s="62"/>
      <c r="R52" s="53"/>
    </row>
    <row r="53" spans="1:18" ht="9" customHeight="1" x14ac:dyDescent="0.15">
      <c r="A53" s="28"/>
      <c r="B53" s="7"/>
      <c r="C53" s="89"/>
      <c r="D53" s="91"/>
      <c r="E53" s="92"/>
      <c r="F53" s="90"/>
      <c r="G53" s="90"/>
      <c r="H53" s="90"/>
      <c r="I53" s="94"/>
      <c r="J53" s="90"/>
      <c r="K53" s="86"/>
      <c r="L53" s="62"/>
      <c r="M53" s="64"/>
      <c r="N53" s="93"/>
      <c r="O53" s="84"/>
      <c r="P53" s="84"/>
      <c r="Q53" s="84"/>
      <c r="R53" s="85"/>
    </row>
    <row r="54" spans="1:18" ht="9" customHeight="1" x14ac:dyDescent="0.15">
      <c r="A54" s="28"/>
      <c r="B54" s="7"/>
      <c r="C54" s="76"/>
      <c r="D54" s="79" t="s">
        <v>33</v>
      </c>
      <c r="E54" s="80" t="s">
        <v>43</v>
      </c>
      <c r="F54" s="66"/>
      <c r="G54" s="66"/>
      <c r="H54" s="66"/>
      <c r="I54" s="83" t="s">
        <v>26</v>
      </c>
      <c r="J54" s="66"/>
      <c r="K54" s="69" t="s">
        <v>29</v>
      </c>
      <c r="L54" s="71"/>
      <c r="M54" s="73"/>
      <c r="N54" s="73"/>
      <c r="O54" s="71"/>
      <c r="P54" s="71"/>
      <c r="Q54" s="71"/>
      <c r="R54" s="52"/>
    </row>
    <row r="55" spans="1:18" ht="9" customHeight="1" x14ac:dyDescent="0.15">
      <c r="A55" s="28"/>
      <c r="B55" s="7"/>
      <c r="C55" s="77"/>
      <c r="D55" s="56"/>
      <c r="E55" s="58"/>
      <c r="F55" s="67"/>
      <c r="G55" s="67"/>
      <c r="H55" s="67"/>
      <c r="I55" s="59"/>
      <c r="J55" s="67"/>
      <c r="K55" s="70"/>
      <c r="L55" s="62"/>
      <c r="M55" s="64"/>
      <c r="N55" s="64"/>
      <c r="O55" s="62"/>
      <c r="P55" s="62"/>
      <c r="Q55" s="62"/>
      <c r="R55" s="53"/>
    </row>
    <row r="56" spans="1:18" ht="9" customHeight="1" x14ac:dyDescent="0.15">
      <c r="A56" s="28"/>
      <c r="B56" s="7"/>
      <c r="C56" s="77"/>
      <c r="D56" s="55" t="s">
        <v>32</v>
      </c>
      <c r="E56" s="57" t="s">
        <v>34</v>
      </c>
      <c r="F56" s="67"/>
      <c r="G56" s="67"/>
      <c r="H56" s="67"/>
      <c r="I56" s="59" t="s">
        <v>27</v>
      </c>
      <c r="J56" s="67"/>
      <c r="K56" s="70"/>
      <c r="L56" s="72"/>
      <c r="M56" s="74"/>
      <c r="N56" s="64"/>
      <c r="O56" s="62"/>
      <c r="P56" s="62"/>
      <c r="Q56" s="62"/>
      <c r="R56" s="53"/>
    </row>
    <row r="57" spans="1:18" ht="9" customHeight="1" x14ac:dyDescent="0.15">
      <c r="A57" s="28"/>
      <c r="B57" s="7"/>
      <c r="C57" s="77"/>
      <c r="D57" s="56"/>
      <c r="E57" s="58"/>
      <c r="F57" s="67"/>
      <c r="G57" s="67"/>
      <c r="H57" s="67"/>
      <c r="I57" s="59"/>
      <c r="J57" s="67"/>
      <c r="K57" s="60" t="s">
        <v>30</v>
      </c>
      <c r="L57" s="62"/>
      <c r="M57" s="64"/>
      <c r="N57" s="64"/>
      <c r="O57" s="62"/>
      <c r="P57" s="62"/>
      <c r="Q57" s="62"/>
      <c r="R57" s="53"/>
    </row>
    <row r="58" spans="1:18" ht="9" customHeight="1" x14ac:dyDescent="0.15">
      <c r="A58" s="28"/>
      <c r="B58" s="7"/>
      <c r="C58" s="77"/>
      <c r="D58" s="55" t="s">
        <v>31</v>
      </c>
      <c r="E58" s="57" t="s">
        <v>35</v>
      </c>
      <c r="F58" s="67"/>
      <c r="G58" s="67"/>
      <c r="H58" s="67"/>
      <c r="I58" s="59" t="s">
        <v>28</v>
      </c>
      <c r="J58" s="67"/>
      <c r="K58" s="60"/>
      <c r="L58" s="62"/>
      <c r="M58" s="64"/>
      <c r="N58" s="64"/>
      <c r="O58" s="62"/>
      <c r="P58" s="62"/>
      <c r="Q58" s="62"/>
      <c r="R58" s="53"/>
    </row>
    <row r="59" spans="1:18" ht="9" customHeight="1" thickBot="1" x14ac:dyDescent="0.2">
      <c r="A59" s="29"/>
      <c r="B59" s="30"/>
      <c r="C59" s="78"/>
      <c r="D59" s="81"/>
      <c r="E59" s="82"/>
      <c r="F59" s="68"/>
      <c r="G59" s="68"/>
      <c r="H59" s="68"/>
      <c r="I59" s="75"/>
      <c r="J59" s="68"/>
      <c r="K59" s="61"/>
      <c r="L59" s="63"/>
      <c r="M59" s="65"/>
      <c r="N59" s="65"/>
      <c r="O59" s="63"/>
      <c r="P59" s="63"/>
      <c r="Q59" s="63"/>
      <c r="R59" s="54"/>
    </row>
    <row r="60" spans="1:18" ht="9" customHeight="1" x14ac:dyDescent="0.15">
      <c r="A60" s="7"/>
      <c r="B60" s="7"/>
      <c r="C60" s="37"/>
      <c r="D60" s="38"/>
      <c r="E60" s="39"/>
      <c r="F60" s="37"/>
      <c r="G60" s="37"/>
      <c r="H60" s="37"/>
      <c r="I60" s="40"/>
      <c r="J60" s="37"/>
      <c r="K60" s="41"/>
      <c r="L60" s="42"/>
      <c r="M60" s="43"/>
      <c r="N60" s="43"/>
      <c r="O60" s="42"/>
      <c r="P60" s="42"/>
      <c r="Q60" s="42"/>
      <c r="R60" s="42"/>
    </row>
    <row r="61" spans="1:18" ht="9" customHeight="1" thickBot="1" x14ac:dyDescent="0.2">
      <c r="A61" s="7"/>
      <c r="B61" s="7"/>
      <c r="C61" s="44"/>
      <c r="D61" s="45"/>
      <c r="E61" s="46"/>
      <c r="F61" s="44"/>
      <c r="G61" s="44"/>
      <c r="H61" s="44"/>
      <c r="I61" s="47"/>
      <c r="J61" s="44"/>
      <c r="K61" s="48"/>
      <c r="L61" s="49"/>
      <c r="M61" s="50"/>
      <c r="N61" s="50"/>
      <c r="O61" s="49"/>
      <c r="P61" s="49"/>
      <c r="Q61" s="49"/>
      <c r="R61" s="49"/>
    </row>
    <row r="62" spans="1:18" ht="14.25" thickBot="1" x14ac:dyDescent="0.2">
      <c r="C62" s="106" t="s">
        <v>24</v>
      </c>
      <c r="D62" s="107"/>
      <c r="E62" s="108"/>
      <c r="F62" s="112" t="s">
        <v>41</v>
      </c>
      <c r="G62" s="107"/>
      <c r="H62" s="107"/>
      <c r="I62" s="108"/>
      <c r="J62" s="114" t="s">
        <v>38</v>
      </c>
      <c r="K62" s="114" t="s">
        <v>12</v>
      </c>
      <c r="L62" s="112" t="s">
        <v>8</v>
      </c>
      <c r="M62" s="108"/>
      <c r="N62" s="118" t="s">
        <v>7</v>
      </c>
      <c r="O62" s="118" t="s">
        <v>20</v>
      </c>
      <c r="P62" s="121" t="s">
        <v>37</v>
      </c>
      <c r="Q62" s="122"/>
      <c r="R62" s="95" t="s">
        <v>25</v>
      </c>
    </row>
    <row r="63" spans="1:18" ht="14.25" thickBot="1" x14ac:dyDescent="0.2">
      <c r="C63" s="109"/>
      <c r="D63" s="110"/>
      <c r="E63" s="111"/>
      <c r="F63" s="113"/>
      <c r="G63" s="110"/>
      <c r="H63" s="110"/>
      <c r="I63" s="111"/>
      <c r="J63" s="114"/>
      <c r="K63" s="114"/>
      <c r="L63" s="116"/>
      <c r="M63" s="117"/>
      <c r="N63" s="119"/>
      <c r="O63" s="119"/>
      <c r="P63" s="123"/>
      <c r="Q63" s="124"/>
      <c r="R63" s="96"/>
    </row>
    <row r="64" spans="1:18" ht="14.25" thickBot="1" x14ac:dyDescent="0.2">
      <c r="C64" s="97" t="s">
        <v>21</v>
      </c>
      <c r="D64" s="98" t="s">
        <v>23</v>
      </c>
      <c r="E64" s="99" t="s">
        <v>22</v>
      </c>
      <c r="F64" s="98" t="s">
        <v>0</v>
      </c>
      <c r="G64" s="98" t="s">
        <v>1</v>
      </c>
      <c r="H64" s="98" t="s">
        <v>2</v>
      </c>
      <c r="I64" s="100" t="s">
        <v>39</v>
      </c>
      <c r="J64" s="114"/>
      <c r="K64" s="114"/>
      <c r="L64" s="14" t="s">
        <v>9</v>
      </c>
      <c r="M64" s="15" t="s">
        <v>10</v>
      </c>
      <c r="N64" s="119"/>
      <c r="O64" s="119"/>
      <c r="P64" s="103" t="s">
        <v>11</v>
      </c>
      <c r="Q64" s="103" t="s">
        <v>36</v>
      </c>
      <c r="R64" s="96"/>
    </row>
    <row r="65" spans="3:18" ht="14.25" thickBot="1" x14ac:dyDescent="0.2">
      <c r="C65" s="97"/>
      <c r="D65" s="98"/>
      <c r="E65" s="99"/>
      <c r="F65" s="98"/>
      <c r="G65" s="98"/>
      <c r="H65" s="98"/>
      <c r="I65" s="101"/>
      <c r="J65" s="114"/>
      <c r="K65" s="114"/>
      <c r="L65" s="16" t="s">
        <v>3</v>
      </c>
      <c r="M65" s="17" t="s">
        <v>5</v>
      </c>
      <c r="N65" s="119"/>
      <c r="O65" s="119"/>
      <c r="P65" s="104"/>
      <c r="Q65" s="104"/>
      <c r="R65" s="96"/>
    </row>
    <row r="66" spans="3:18" x14ac:dyDescent="0.15">
      <c r="C66" s="97"/>
      <c r="D66" s="98"/>
      <c r="E66" s="99"/>
      <c r="F66" s="98"/>
      <c r="G66" s="98"/>
      <c r="H66" s="98"/>
      <c r="I66" s="102"/>
      <c r="J66" s="115"/>
      <c r="K66" s="115"/>
      <c r="L66" s="18" t="s">
        <v>4</v>
      </c>
      <c r="M66" s="19" t="s">
        <v>6</v>
      </c>
      <c r="N66" s="120"/>
      <c r="O66" s="120"/>
      <c r="P66" s="105"/>
      <c r="Q66" s="105"/>
      <c r="R66" s="96"/>
    </row>
    <row r="67" spans="3:18" ht="9" customHeight="1" x14ac:dyDescent="0.15">
      <c r="C67" s="76"/>
      <c r="D67" s="79" t="s">
        <v>33</v>
      </c>
      <c r="E67" s="80" t="s">
        <v>43</v>
      </c>
      <c r="F67" s="66"/>
      <c r="G67" s="66"/>
      <c r="H67" s="66"/>
      <c r="I67" s="83" t="s">
        <v>26</v>
      </c>
      <c r="J67" s="66"/>
      <c r="K67" s="69" t="s">
        <v>29</v>
      </c>
      <c r="L67" s="71"/>
      <c r="M67" s="73"/>
      <c r="N67" s="73"/>
      <c r="O67" s="71"/>
      <c r="P67" s="71"/>
      <c r="Q67" s="71"/>
      <c r="R67" s="52"/>
    </row>
    <row r="68" spans="3:18" ht="9" customHeight="1" x14ac:dyDescent="0.15">
      <c r="C68" s="77"/>
      <c r="D68" s="56"/>
      <c r="E68" s="58"/>
      <c r="F68" s="67"/>
      <c r="G68" s="67"/>
      <c r="H68" s="67"/>
      <c r="I68" s="59"/>
      <c r="J68" s="67"/>
      <c r="K68" s="70"/>
      <c r="L68" s="62"/>
      <c r="M68" s="64"/>
      <c r="N68" s="64"/>
      <c r="O68" s="62"/>
      <c r="P68" s="62"/>
      <c r="Q68" s="62"/>
      <c r="R68" s="53"/>
    </row>
    <row r="69" spans="3:18" ht="9" customHeight="1" x14ac:dyDescent="0.15">
      <c r="C69" s="77"/>
      <c r="D69" s="55" t="s">
        <v>32</v>
      </c>
      <c r="E69" s="57" t="s">
        <v>34</v>
      </c>
      <c r="F69" s="67"/>
      <c r="G69" s="67"/>
      <c r="H69" s="67"/>
      <c r="I69" s="59" t="s">
        <v>27</v>
      </c>
      <c r="J69" s="67"/>
      <c r="K69" s="70"/>
      <c r="L69" s="62"/>
      <c r="M69" s="64"/>
      <c r="N69" s="64"/>
      <c r="O69" s="62"/>
      <c r="P69" s="62"/>
      <c r="Q69" s="62"/>
      <c r="R69" s="53"/>
    </row>
    <row r="70" spans="3:18" ht="9" customHeight="1" x14ac:dyDescent="0.15">
      <c r="C70" s="77"/>
      <c r="D70" s="56"/>
      <c r="E70" s="58"/>
      <c r="F70" s="67"/>
      <c r="G70" s="67"/>
      <c r="H70" s="67"/>
      <c r="I70" s="59"/>
      <c r="J70" s="67"/>
      <c r="K70" s="60" t="s">
        <v>30</v>
      </c>
      <c r="L70" s="87"/>
      <c r="M70" s="88"/>
      <c r="N70" s="64"/>
      <c r="O70" s="62"/>
      <c r="P70" s="62"/>
      <c r="Q70" s="62"/>
      <c r="R70" s="53"/>
    </row>
    <row r="71" spans="3:18" ht="9" customHeight="1" x14ac:dyDescent="0.15">
      <c r="C71" s="77"/>
      <c r="D71" s="55" t="s">
        <v>31</v>
      </c>
      <c r="E71" s="57" t="s">
        <v>35</v>
      </c>
      <c r="F71" s="67"/>
      <c r="G71" s="67"/>
      <c r="H71" s="67"/>
      <c r="I71" s="59" t="s">
        <v>28</v>
      </c>
      <c r="J71" s="67"/>
      <c r="K71" s="60"/>
      <c r="L71" s="62"/>
      <c r="M71" s="64"/>
      <c r="N71" s="64"/>
      <c r="O71" s="62"/>
      <c r="P71" s="62"/>
      <c r="Q71" s="62"/>
      <c r="R71" s="53"/>
    </row>
    <row r="72" spans="3:18" ht="9" customHeight="1" x14ac:dyDescent="0.15">
      <c r="C72" s="89"/>
      <c r="D72" s="91"/>
      <c r="E72" s="92"/>
      <c r="F72" s="90"/>
      <c r="G72" s="90"/>
      <c r="H72" s="90"/>
      <c r="I72" s="94"/>
      <c r="J72" s="90"/>
      <c r="K72" s="86"/>
      <c r="L72" s="62"/>
      <c r="M72" s="64"/>
      <c r="N72" s="93"/>
      <c r="O72" s="84"/>
      <c r="P72" s="84"/>
      <c r="Q72" s="84"/>
      <c r="R72" s="85"/>
    </row>
    <row r="73" spans="3:18" ht="9" customHeight="1" x14ac:dyDescent="0.15">
      <c r="C73" s="76"/>
      <c r="D73" s="79" t="s">
        <v>33</v>
      </c>
      <c r="E73" s="80" t="s">
        <v>43</v>
      </c>
      <c r="F73" s="66"/>
      <c r="G73" s="66"/>
      <c r="H73" s="66"/>
      <c r="I73" s="83" t="s">
        <v>26</v>
      </c>
      <c r="J73" s="66"/>
      <c r="K73" s="69" t="s">
        <v>29</v>
      </c>
      <c r="L73" s="71"/>
      <c r="M73" s="73"/>
      <c r="N73" s="73"/>
      <c r="O73" s="71"/>
      <c r="P73" s="71"/>
      <c r="Q73" s="71"/>
      <c r="R73" s="52"/>
    </row>
    <row r="74" spans="3:18" ht="9" customHeight="1" x14ac:dyDescent="0.15">
      <c r="C74" s="77"/>
      <c r="D74" s="56"/>
      <c r="E74" s="58"/>
      <c r="F74" s="67"/>
      <c r="G74" s="67"/>
      <c r="H74" s="67"/>
      <c r="I74" s="59"/>
      <c r="J74" s="67"/>
      <c r="K74" s="70"/>
      <c r="L74" s="62"/>
      <c r="M74" s="64"/>
      <c r="N74" s="64"/>
      <c r="O74" s="62"/>
      <c r="P74" s="62"/>
      <c r="Q74" s="62"/>
      <c r="R74" s="53"/>
    </row>
    <row r="75" spans="3:18" ht="9" customHeight="1" x14ac:dyDescent="0.15">
      <c r="C75" s="77"/>
      <c r="D75" s="55" t="s">
        <v>32</v>
      </c>
      <c r="E75" s="57" t="s">
        <v>34</v>
      </c>
      <c r="F75" s="67"/>
      <c r="G75" s="67"/>
      <c r="H75" s="67"/>
      <c r="I75" s="59" t="s">
        <v>27</v>
      </c>
      <c r="J75" s="67"/>
      <c r="K75" s="70"/>
      <c r="L75" s="72"/>
      <c r="M75" s="74"/>
      <c r="N75" s="64"/>
      <c r="O75" s="62"/>
      <c r="P75" s="62"/>
      <c r="Q75" s="62"/>
      <c r="R75" s="53"/>
    </row>
    <row r="76" spans="3:18" ht="9" customHeight="1" x14ac:dyDescent="0.15">
      <c r="C76" s="77"/>
      <c r="D76" s="56"/>
      <c r="E76" s="58"/>
      <c r="F76" s="67"/>
      <c r="G76" s="67"/>
      <c r="H76" s="67"/>
      <c r="I76" s="59"/>
      <c r="J76" s="67"/>
      <c r="K76" s="60" t="s">
        <v>30</v>
      </c>
      <c r="L76" s="62"/>
      <c r="M76" s="64"/>
      <c r="N76" s="64"/>
      <c r="O76" s="62"/>
      <c r="P76" s="62"/>
      <c r="Q76" s="62"/>
      <c r="R76" s="53"/>
    </row>
    <row r="77" spans="3:18" ht="9" customHeight="1" x14ac:dyDescent="0.15">
      <c r="C77" s="77"/>
      <c r="D77" s="55" t="s">
        <v>31</v>
      </c>
      <c r="E77" s="57" t="s">
        <v>35</v>
      </c>
      <c r="F77" s="67"/>
      <c r="G77" s="67"/>
      <c r="H77" s="67"/>
      <c r="I77" s="59" t="s">
        <v>28</v>
      </c>
      <c r="J77" s="67"/>
      <c r="K77" s="60"/>
      <c r="L77" s="62"/>
      <c r="M77" s="64"/>
      <c r="N77" s="64"/>
      <c r="O77" s="62"/>
      <c r="P77" s="62"/>
      <c r="Q77" s="62"/>
      <c r="R77" s="53"/>
    </row>
    <row r="78" spans="3:18" ht="9" customHeight="1" x14ac:dyDescent="0.15">
      <c r="C78" s="89"/>
      <c r="D78" s="91"/>
      <c r="E78" s="92"/>
      <c r="F78" s="90"/>
      <c r="G78" s="90"/>
      <c r="H78" s="90"/>
      <c r="I78" s="94"/>
      <c r="J78" s="90"/>
      <c r="K78" s="86"/>
      <c r="L78" s="62"/>
      <c r="M78" s="64"/>
      <c r="N78" s="93"/>
      <c r="O78" s="84"/>
      <c r="P78" s="84"/>
      <c r="Q78" s="84"/>
      <c r="R78" s="85"/>
    </row>
    <row r="79" spans="3:18" ht="9" customHeight="1" x14ac:dyDescent="0.15">
      <c r="C79" s="76"/>
      <c r="D79" s="79" t="s">
        <v>33</v>
      </c>
      <c r="E79" s="80" t="s">
        <v>43</v>
      </c>
      <c r="F79" s="66"/>
      <c r="G79" s="66"/>
      <c r="H79" s="66"/>
      <c r="I79" s="83" t="s">
        <v>26</v>
      </c>
      <c r="J79" s="66"/>
      <c r="K79" s="69" t="s">
        <v>29</v>
      </c>
      <c r="L79" s="71"/>
      <c r="M79" s="73"/>
      <c r="N79" s="73"/>
      <c r="O79" s="71"/>
      <c r="P79" s="71"/>
      <c r="Q79" s="71"/>
      <c r="R79" s="52"/>
    </row>
    <row r="80" spans="3:18" ht="9" customHeight="1" x14ac:dyDescent="0.15">
      <c r="C80" s="77"/>
      <c r="D80" s="56"/>
      <c r="E80" s="58"/>
      <c r="F80" s="67"/>
      <c r="G80" s="67"/>
      <c r="H80" s="67"/>
      <c r="I80" s="59"/>
      <c r="J80" s="67"/>
      <c r="K80" s="70"/>
      <c r="L80" s="62"/>
      <c r="M80" s="64"/>
      <c r="N80" s="64"/>
      <c r="O80" s="62"/>
      <c r="P80" s="62"/>
      <c r="Q80" s="62"/>
      <c r="R80" s="53"/>
    </row>
    <row r="81" spans="3:18" ht="9" customHeight="1" x14ac:dyDescent="0.15">
      <c r="C81" s="77"/>
      <c r="D81" s="55" t="s">
        <v>32</v>
      </c>
      <c r="E81" s="57" t="s">
        <v>34</v>
      </c>
      <c r="F81" s="67"/>
      <c r="G81" s="67"/>
      <c r="H81" s="67"/>
      <c r="I81" s="59" t="s">
        <v>27</v>
      </c>
      <c r="J81" s="67"/>
      <c r="K81" s="70"/>
      <c r="L81" s="62"/>
      <c r="M81" s="64"/>
      <c r="N81" s="64"/>
      <c r="O81" s="62"/>
      <c r="P81" s="62"/>
      <c r="Q81" s="62"/>
      <c r="R81" s="53"/>
    </row>
    <row r="82" spans="3:18" ht="9" customHeight="1" x14ac:dyDescent="0.15">
      <c r="C82" s="77"/>
      <c r="D82" s="56"/>
      <c r="E82" s="58"/>
      <c r="F82" s="67"/>
      <c r="G82" s="67"/>
      <c r="H82" s="67"/>
      <c r="I82" s="59"/>
      <c r="J82" s="67"/>
      <c r="K82" s="60" t="s">
        <v>30</v>
      </c>
      <c r="L82" s="87"/>
      <c r="M82" s="88"/>
      <c r="N82" s="64"/>
      <c r="O82" s="62"/>
      <c r="P82" s="62"/>
      <c r="Q82" s="62"/>
      <c r="R82" s="53"/>
    </row>
    <row r="83" spans="3:18" ht="9" customHeight="1" x14ac:dyDescent="0.15">
      <c r="C83" s="77"/>
      <c r="D83" s="55" t="s">
        <v>31</v>
      </c>
      <c r="E83" s="57" t="s">
        <v>35</v>
      </c>
      <c r="F83" s="67"/>
      <c r="G83" s="67"/>
      <c r="H83" s="67"/>
      <c r="I83" s="59" t="s">
        <v>28</v>
      </c>
      <c r="J83" s="67"/>
      <c r="K83" s="60"/>
      <c r="L83" s="62"/>
      <c r="M83" s="64"/>
      <c r="N83" s="64"/>
      <c r="O83" s="62"/>
      <c r="P83" s="62"/>
      <c r="Q83" s="62"/>
      <c r="R83" s="53"/>
    </row>
    <row r="84" spans="3:18" ht="9" customHeight="1" x14ac:dyDescent="0.15">
      <c r="C84" s="89"/>
      <c r="D84" s="91"/>
      <c r="E84" s="92"/>
      <c r="F84" s="90"/>
      <c r="G84" s="90"/>
      <c r="H84" s="90"/>
      <c r="I84" s="94"/>
      <c r="J84" s="90"/>
      <c r="K84" s="86"/>
      <c r="L84" s="62"/>
      <c r="M84" s="64"/>
      <c r="N84" s="93"/>
      <c r="O84" s="84"/>
      <c r="P84" s="84"/>
      <c r="Q84" s="84"/>
      <c r="R84" s="85"/>
    </row>
    <row r="85" spans="3:18" ht="9" customHeight="1" x14ac:dyDescent="0.15">
      <c r="C85" s="76"/>
      <c r="D85" s="79" t="s">
        <v>33</v>
      </c>
      <c r="E85" s="80" t="s">
        <v>43</v>
      </c>
      <c r="F85" s="66"/>
      <c r="G85" s="66"/>
      <c r="H85" s="66"/>
      <c r="I85" s="83" t="s">
        <v>26</v>
      </c>
      <c r="J85" s="66"/>
      <c r="K85" s="69" t="s">
        <v>29</v>
      </c>
      <c r="L85" s="71"/>
      <c r="M85" s="73"/>
      <c r="N85" s="73"/>
      <c r="O85" s="71"/>
      <c r="P85" s="71"/>
      <c r="Q85" s="71"/>
      <c r="R85" s="52"/>
    </row>
    <row r="86" spans="3:18" ht="9" customHeight="1" x14ac:dyDescent="0.15">
      <c r="C86" s="77"/>
      <c r="D86" s="56"/>
      <c r="E86" s="58"/>
      <c r="F86" s="67"/>
      <c r="G86" s="67"/>
      <c r="H86" s="67"/>
      <c r="I86" s="59"/>
      <c r="J86" s="67"/>
      <c r="K86" s="70"/>
      <c r="L86" s="62"/>
      <c r="M86" s="64"/>
      <c r="N86" s="64"/>
      <c r="O86" s="62"/>
      <c r="P86" s="62"/>
      <c r="Q86" s="62"/>
      <c r="R86" s="53"/>
    </row>
    <row r="87" spans="3:18" ht="9" customHeight="1" x14ac:dyDescent="0.15">
      <c r="C87" s="77"/>
      <c r="D87" s="55" t="s">
        <v>32</v>
      </c>
      <c r="E87" s="57" t="s">
        <v>34</v>
      </c>
      <c r="F87" s="67"/>
      <c r="G87" s="67"/>
      <c r="H87" s="67"/>
      <c r="I87" s="59" t="s">
        <v>27</v>
      </c>
      <c r="J87" s="67"/>
      <c r="K87" s="70"/>
      <c r="L87" s="72"/>
      <c r="M87" s="74"/>
      <c r="N87" s="64"/>
      <c r="O87" s="62"/>
      <c r="P87" s="62"/>
      <c r="Q87" s="62"/>
      <c r="R87" s="53"/>
    </row>
    <row r="88" spans="3:18" ht="9" customHeight="1" x14ac:dyDescent="0.15">
      <c r="C88" s="77"/>
      <c r="D88" s="56"/>
      <c r="E88" s="58"/>
      <c r="F88" s="67"/>
      <c r="G88" s="67"/>
      <c r="H88" s="67"/>
      <c r="I88" s="59"/>
      <c r="J88" s="67"/>
      <c r="K88" s="60" t="s">
        <v>30</v>
      </c>
      <c r="L88" s="87"/>
      <c r="M88" s="88"/>
      <c r="N88" s="64"/>
      <c r="O88" s="62"/>
      <c r="P88" s="62"/>
      <c r="Q88" s="62"/>
      <c r="R88" s="53"/>
    </row>
    <row r="89" spans="3:18" ht="9" customHeight="1" x14ac:dyDescent="0.15">
      <c r="C89" s="77"/>
      <c r="D89" s="55" t="s">
        <v>31</v>
      </c>
      <c r="E89" s="57" t="s">
        <v>35</v>
      </c>
      <c r="F89" s="67"/>
      <c r="G89" s="67"/>
      <c r="H89" s="67"/>
      <c r="I89" s="59" t="s">
        <v>28</v>
      </c>
      <c r="J89" s="67"/>
      <c r="K89" s="60"/>
      <c r="L89" s="62"/>
      <c r="M89" s="64"/>
      <c r="N89" s="64"/>
      <c r="O89" s="62"/>
      <c r="P89" s="62"/>
      <c r="Q89" s="62"/>
      <c r="R89" s="53"/>
    </row>
    <row r="90" spans="3:18" ht="9" customHeight="1" x14ac:dyDescent="0.15">
      <c r="C90" s="89"/>
      <c r="D90" s="91"/>
      <c r="E90" s="92"/>
      <c r="F90" s="90"/>
      <c r="G90" s="90"/>
      <c r="H90" s="90"/>
      <c r="I90" s="94"/>
      <c r="J90" s="90"/>
      <c r="K90" s="86"/>
      <c r="L90" s="62"/>
      <c r="M90" s="64"/>
      <c r="N90" s="93"/>
      <c r="O90" s="84"/>
      <c r="P90" s="84"/>
      <c r="Q90" s="84"/>
      <c r="R90" s="85"/>
    </row>
    <row r="91" spans="3:18" ht="9" customHeight="1" x14ac:dyDescent="0.15">
      <c r="C91" s="76"/>
      <c r="D91" s="79" t="s">
        <v>33</v>
      </c>
      <c r="E91" s="80" t="s">
        <v>43</v>
      </c>
      <c r="F91" s="66"/>
      <c r="G91" s="66"/>
      <c r="H91" s="66"/>
      <c r="I91" s="83" t="s">
        <v>26</v>
      </c>
      <c r="J91" s="66"/>
      <c r="K91" s="69" t="s">
        <v>29</v>
      </c>
      <c r="L91" s="71"/>
      <c r="M91" s="73"/>
      <c r="N91" s="73"/>
      <c r="O91" s="71"/>
      <c r="P91" s="71"/>
      <c r="Q91" s="71"/>
      <c r="R91" s="52"/>
    </row>
    <row r="92" spans="3:18" ht="9" customHeight="1" x14ac:dyDescent="0.15">
      <c r="C92" s="77"/>
      <c r="D92" s="56"/>
      <c r="E92" s="58"/>
      <c r="F92" s="67"/>
      <c r="G92" s="67"/>
      <c r="H92" s="67"/>
      <c r="I92" s="59"/>
      <c r="J92" s="67"/>
      <c r="K92" s="70"/>
      <c r="L92" s="62"/>
      <c r="M92" s="64"/>
      <c r="N92" s="64"/>
      <c r="O92" s="62"/>
      <c r="P92" s="62"/>
      <c r="Q92" s="62"/>
      <c r="R92" s="53"/>
    </row>
    <row r="93" spans="3:18" ht="9" customHeight="1" x14ac:dyDescent="0.15">
      <c r="C93" s="77"/>
      <c r="D93" s="55" t="s">
        <v>32</v>
      </c>
      <c r="E93" s="57" t="s">
        <v>34</v>
      </c>
      <c r="F93" s="67"/>
      <c r="G93" s="67"/>
      <c r="H93" s="67"/>
      <c r="I93" s="59" t="s">
        <v>27</v>
      </c>
      <c r="J93" s="67"/>
      <c r="K93" s="70"/>
      <c r="L93" s="72"/>
      <c r="M93" s="74"/>
      <c r="N93" s="64"/>
      <c r="O93" s="62"/>
      <c r="P93" s="62"/>
      <c r="Q93" s="62"/>
      <c r="R93" s="53"/>
    </row>
    <row r="94" spans="3:18" ht="9" customHeight="1" x14ac:dyDescent="0.15">
      <c r="C94" s="77"/>
      <c r="D94" s="56"/>
      <c r="E94" s="58"/>
      <c r="F94" s="67"/>
      <c r="G94" s="67"/>
      <c r="H94" s="67"/>
      <c r="I94" s="59"/>
      <c r="J94" s="67"/>
      <c r="K94" s="60" t="s">
        <v>30</v>
      </c>
      <c r="L94" s="87"/>
      <c r="M94" s="88"/>
      <c r="N94" s="64"/>
      <c r="O94" s="62"/>
      <c r="P94" s="62"/>
      <c r="Q94" s="62"/>
      <c r="R94" s="53"/>
    </row>
    <row r="95" spans="3:18" ht="9" customHeight="1" x14ac:dyDescent="0.15">
      <c r="C95" s="77"/>
      <c r="D95" s="55" t="s">
        <v>31</v>
      </c>
      <c r="E95" s="57" t="s">
        <v>35</v>
      </c>
      <c r="F95" s="67"/>
      <c r="G95" s="67"/>
      <c r="H95" s="67"/>
      <c r="I95" s="59" t="s">
        <v>28</v>
      </c>
      <c r="J95" s="67"/>
      <c r="K95" s="60"/>
      <c r="L95" s="62"/>
      <c r="M95" s="64"/>
      <c r="N95" s="64"/>
      <c r="O95" s="62"/>
      <c r="P95" s="62"/>
      <c r="Q95" s="62"/>
      <c r="R95" s="53"/>
    </row>
    <row r="96" spans="3:18" ht="9" customHeight="1" x14ac:dyDescent="0.15">
      <c r="C96" s="89"/>
      <c r="D96" s="91"/>
      <c r="E96" s="92"/>
      <c r="F96" s="90"/>
      <c r="G96" s="90"/>
      <c r="H96" s="90"/>
      <c r="I96" s="94"/>
      <c r="J96" s="90"/>
      <c r="K96" s="86"/>
      <c r="L96" s="62"/>
      <c r="M96" s="64"/>
      <c r="N96" s="93"/>
      <c r="O96" s="84"/>
      <c r="P96" s="84"/>
      <c r="Q96" s="84"/>
      <c r="R96" s="85"/>
    </row>
    <row r="97" spans="3:18" ht="9" customHeight="1" x14ac:dyDescent="0.15">
      <c r="C97" s="76"/>
      <c r="D97" s="79" t="s">
        <v>33</v>
      </c>
      <c r="E97" s="80" t="s">
        <v>43</v>
      </c>
      <c r="F97" s="66"/>
      <c r="G97" s="66"/>
      <c r="H97" s="66"/>
      <c r="I97" s="83" t="s">
        <v>26</v>
      </c>
      <c r="J97" s="66"/>
      <c r="K97" s="69" t="s">
        <v>29</v>
      </c>
      <c r="L97" s="71"/>
      <c r="M97" s="73"/>
      <c r="N97" s="73"/>
      <c r="O97" s="71"/>
      <c r="P97" s="71"/>
      <c r="Q97" s="71"/>
      <c r="R97" s="52"/>
    </row>
    <row r="98" spans="3:18" ht="9" customHeight="1" x14ac:dyDescent="0.15">
      <c r="C98" s="77"/>
      <c r="D98" s="56"/>
      <c r="E98" s="58"/>
      <c r="F98" s="67"/>
      <c r="G98" s="67"/>
      <c r="H98" s="67"/>
      <c r="I98" s="59"/>
      <c r="J98" s="67"/>
      <c r="K98" s="70"/>
      <c r="L98" s="62"/>
      <c r="M98" s="64"/>
      <c r="N98" s="64"/>
      <c r="O98" s="62"/>
      <c r="P98" s="62"/>
      <c r="Q98" s="62"/>
      <c r="R98" s="53"/>
    </row>
    <row r="99" spans="3:18" ht="9" customHeight="1" x14ac:dyDescent="0.15">
      <c r="C99" s="77"/>
      <c r="D99" s="55" t="s">
        <v>32</v>
      </c>
      <c r="E99" s="57" t="s">
        <v>34</v>
      </c>
      <c r="F99" s="67"/>
      <c r="G99" s="67"/>
      <c r="H99" s="67"/>
      <c r="I99" s="59" t="s">
        <v>27</v>
      </c>
      <c r="J99" s="67"/>
      <c r="K99" s="70"/>
      <c r="L99" s="72"/>
      <c r="M99" s="74"/>
      <c r="N99" s="64"/>
      <c r="O99" s="62"/>
      <c r="P99" s="62"/>
      <c r="Q99" s="62"/>
      <c r="R99" s="53"/>
    </row>
    <row r="100" spans="3:18" ht="9" customHeight="1" x14ac:dyDescent="0.15">
      <c r="C100" s="77"/>
      <c r="D100" s="56"/>
      <c r="E100" s="58"/>
      <c r="F100" s="67"/>
      <c r="G100" s="67"/>
      <c r="H100" s="67"/>
      <c r="I100" s="59"/>
      <c r="J100" s="67"/>
      <c r="K100" s="60" t="s">
        <v>30</v>
      </c>
      <c r="L100" s="87"/>
      <c r="M100" s="88"/>
      <c r="N100" s="64"/>
      <c r="O100" s="62"/>
      <c r="P100" s="62"/>
      <c r="Q100" s="62"/>
      <c r="R100" s="53"/>
    </row>
    <row r="101" spans="3:18" ht="9" customHeight="1" x14ac:dyDescent="0.15">
      <c r="C101" s="77"/>
      <c r="D101" s="55" t="s">
        <v>31</v>
      </c>
      <c r="E101" s="57" t="s">
        <v>35</v>
      </c>
      <c r="F101" s="67"/>
      <c r="G101" s="67"/>
      <c r="H101" s="67"/>
      <c r="I101" s="59" t="s">
        <v>28</v>
      </c>
      <c r="J101" s="67"/>
      <c r="K101" s="60"/>
      <c r="L101" s="62"/>
      <c r="M101" s="64"/>
      <c r="N101" s="64"/>
      <c r="O101" s="62"/>
      <c r="P101" s="62"/>
      <c r="Q101" s="62"/>
      <c r="R101" s="53"/>
    </row>
    <row r="102" spans="3:18" ht="9" customHeight="1" x14ac:dyDescent="0.15">
      <c r="C102" s="89"/>
      <c r="D102" s="91"/>
      <c r="E102" s="92"/>
      <c r="F102" s="90"/>
      <c r="G102" s="90"/>
      <c r="H102" s="90"/>
      <c r="I102" s="94"/>
      <c r="J102" s="90"/>
      <c r="K102" s="86"/>
      <c r="L102" s="62"/>
      <c r="M102" s="64"/>
      <c r="N102" s="93"/>
      <c r="O102" s="84"/>
      <c r="P102" s="84"/>
      <c r="Q102" s="84"/>
      <c r="R102" s="85"/>
    </row>
    <row r="103" spans="3:18" ht="9" customHeight="1" x14ac:dyDescent="0.15">
      <c r="C103" s="76"/>
      <c r="D103" s="79" t="s">
        <v>33</v>
      </c>
      <c r="E103" s="80" t="s">
        <v>43</v>
      </c>
      <c r="F103" s="66"/>
      <c r="G103" s="66"/>
      <c r="H103" s="66"/>
      <c r="I103" s="83" t="s">
        <v>26</v>
      </c>
      <c r="J103" s="66"/>
      <c r="K103" s="69" t="s">
        <v>29</v>
      </c>
      <c r="L103" s="71"/>
      <c r="M103" s="73"/>
      <c r="N103" s="73"/>
      <c r="O103" s="71"/>
      <c r="P103" s="71"/>
      <c r="Q103" s="71"/>
      <c r="R103" s="52"/>
    </row>
    <row r="104" spans="3:18" ht="9" customHeight="1" x14ac:dyDescent="0.15">
      <c r="C104" s="77"/>
      <c r="D104" s="56"/>
      <c r="E104" s="58"/>
      <c r="F104" s="67"/>
      <c r="G104" s="67"/>
      <c r="H104" s="67"/>
      <c r="I104" s="59"/>
      <c r="J104" s="67"/>
      <c r="K104" s="70"/>
      <c r="L104" s="62"/>
      <c r="M104" s="64"/>
      <c r="N104" s="64"/>
      <c r="O104" s="62"/>
      <c r="P104" s="62"/>
      <c r="Q104" s="62"/>
      <c r="R104" s="53"/>
    </row>
    <row r="105" spans="3:18" ht="9" customHeight="1" x14ac:dyDescent="0.15">
      <c r="C105" s="77"/>
      <c r="D105" s="55" t="s">
        <v>32</v>
      </c>
      <c r="E105" s="57" t="s">
        <v>34</v>
      </c>
      <c r="F105" s="67"/>
      <c r="G105" s="67"/>
      <c r="H105" s="67"/>
      <c r="I105" s="59" t="s">
        <v>27</v>
      </c>
      <c r="J105" s="67"/>
      <c r="K105" s="70"/>
      <c r="L105" s="72"/>
      <c r="M105" s="74"/>
      <c r="N105" s="64"/>
      <c r="O105" s="62"/>
      <c r="P105" s="62"/>
      <c r="Q105" s="62"/>
      <c r="R105" s="53"/>
    </row>
    <row r="106" spans="3:18" ht="9" customHeight="1" x14ac:dyDescent="0.15">
      <c r="C106" s="77"/>
      <c r="D106" s="56"/>
      <c r="E106" s="58"/>
      <c r="F106" s="67"/>
      <c r="G106" s="67"/>
      <c r="H106" s="67"/>
      <c r="I106" s="59"/>
      <c r="J106" s="67"/>
      <c r="K106" s="60" t="s">
        <v>30</v>
      </c>
      <c r="L106" s="87"/>
      <c r="M106" s="88"/>
      <c r="N106" s="64"/>
      <c r="O106" s="62"/>
      <c r="P106" s="62"/>
      <c r="Q106" s="62"/>
      <c r="R106" s="53"/>
    </row>
    <row r="107" spans="3:18" ht="9" customHeight="1" x14ac:dyDescent="0.15">
      <c r="C107" s="77"/>
      <c r="D107" s="55" t="s">
        <v>31</v>
      </c>
      <c r="E107" s="57" t="s">
        <v>35</v>
      </c>
      <c r="F107" s="67"/>
      <c r="G107" s="67"/>
      <c r="H107" s="67"/>
      <c r="I107" s="59" t="s">
        <v>28</v>
      </c>
      <c r="J107" s="67"/>
      <c r="K107" s="60"/>
      <c r="L107" s="62"/>
      <c r="M107" s="64"/>
      <c r="N107" s="64"/>
      <c r="O107" s="62"/>
      <c r="P107" s="62"/>
      <c r="Q107" s="62"/>
      <c r="R107" s="53"/>
    </row>
    <row r="108" spans="3:18" ht="9" customHeight="1" x14ac:dyDescent="0.15">
      <c r="C108" s="89"/>
      <c r="D108" s="91"/>
      <c r="E108" s="92"/>
      <c r="F108" s="90"/>
      <c r="G108" s="90"/>
      <c r="H108" s="90"/>
      <c r="I108" s="94"/>
      <c r="J108" s="90"/>
      <c r="K108" s="86"/>
      <c r="L108" s="62"/>
      <c r="M108" s="64"/>
      <c r="N108" s="93"/>
      <c r="O108" s="84"/>
      <c r="P108" s="84"/>
      <c r="Q108" s="84"/>
      <c r="R108" s="85"/>
    </row>
    <row r="109" spans="3:18" ht="9" customHeight="1" x14ac:dyDescent="0.15">
      <c r="C109" s="76"/>
      <c r="D109" s="79" t="s">
        <v>33</v>
      </c>
      <c r="E109" s="80" t="s">
        <v>43</v>
      </c>
      <c r="F109" s="66"/>
      <c r="G109" s="66"/>
      <c r="H109" s="66"/>
      <c r="I109" s="83" t="s">
        <v>26</v>
      </c>
      <c r="J109" s="66"/>
      <c r="K109" s="69" t="s">
        <v>29</v>
      </c>
      <c r="L109" s="71"/>
      <c r="M109" s="73"/>
      <c r="N109" s="73"/>
      <c r="O109" s="71"/>
      <c r="P109" s="71"/>
      <c r="Q109" s="71"/>
      <c r="R109" s="52"/>
    </row>
    <row r="110" spans="3:18" ht="9" customHeight="1" x14ac:dyDescent="0.15">
      <c r="C110" s="77"/>
      <c r="D110" s="56"/>
      <c r="E110" s="58"/>
      <c r="F110" s="67"/>
      <c r="G110" s="67"/>
      <c r="H110" s="67"/>
      <c r="I110" s="59"/>
      <c r="J110" s="67"/>
      <c r="K110" s="70"/>
      <c r="L110" s="62"/>
      <c r="M110" s="64"/>
      <c r="N110" s="64"/>
      <c r="O110" s="62"/>
      <c r="P110" s="62"/>
      <c r="Q110" s="62"/>
      <c r="R110" s="53"/>
    </row>
    <row r="111" spans="3:18" ht="9" customHeight="1" x14ac:dyDescent="0.15">
      <c r="C111" s="77"/>
      <c r="D111" s="55" t="s">
        <v>32</v>
      </c>
      <c r="E111" s="57" t="s">
        <v>34</v>
      </c>
      <c r="F111" s="67"/>
      <c r="G111" s="67"/>
      <c r="H111" s="67"/>
      <c r="I111" s="59" t="s">
        <v>27</v>
      </c>
      <c r="J111" s="67"/>
      <c r="K111" s="70"/>
      <c r="L111" s="72"/>
      <c r="M111" s="74"/>
      <c r="N111" s="64"/>
      <c r="O111" s="62"/>
      <c r="P111" s="62"/>
      <c r="Q111" s="62"/>
      <c r="R111" s="53"/>
    </row>
    <row r="112" spans="3:18" ht="9" customHeight="1" x14ac:dyDescent="0.15">
      <c r="C112" s="77"/>
      <c r="D112" s="56"/>
      <c r="E112" s="58"/>
      <c r="F112" s="67"/>
      <c r="G112" s="67"/>
      <c r="H112" s="67"/>
      <c r="I112" s="59"/>
      <c r="J112" s="67"/>
      <c r="K112" s="60" t="s">
        <v>30</v>
      </c>
      <c r="L112" s="62"/>
      <c r="M112" s="64"/>
      <c r="N112" s="64"/>
      <c r="O112" s="62"/>
      <c r="P112" s="62"/>
      <c r="Q112" s="62"/>
      <c r="R112" s="53"/>
    </row>
    <row r="113" spans="3:18" ht="9" customHeight="1" x14ac:dyDescent="0.15">
      <c r="C113" s="77"/>
      <c r="D113" s="55" t="s">
        <v>31</v>
      </c>
      <c r="E113" s="57" t="s">
        <v>35</v>
      </c>
      <c r="F113" s="67"/>
      <c r="G113" s="67"/>
      <c r="H113" s="67"/>
      <c r="I113" s="59" t="s">
        <v>28</v>
      </c>
      <c r="J113" s="67"/>
      <c r="K113" s="60"/>
      <c r="L113" s="62"/>
      <c r="M113" s="64"/>
      <c r="N113" s="64"/>
      <c r="O113" s="62"/>
      <c r="P113" s="62"/>
      <c r="Q113" s="62"/>
      <c r="R113" s="53"/>
    </row>
    <row r="114" spans="3:18" ht="9" customHeight="1" x14ac:dyDescent="0.15">
      <c r="C114" s="77"/>
      <c r="D114" s="56"/>
      <c r="E114" s="58"/>
      <c r="F114" s="67"/>
      <c r="G114" s="67"/>
      <c r="H114" s="67"/>
      <c r="I114" s="59"/>
      <c r="J114" s="67"/>
      <c r="K114" s="60"/>
      <c r="L114" s="62"/>
      <c r="M114" s="64"/>
      <c r="N114" s="64"/>
      <c r="O114" s="62"/>
      <c r="P114" s="62"/>
      <c r="Q114" s="62"/>
      <c r="R114" s="53"/>
    </row>
    <row r="115" spans="3:18" ht="9" customHeight="1" x14ac:dyDescent="0.15">
      <c r="C115" s="76"/>
      <c r="D115" s="79" t="s">
        <v>33</v>
      </c>
      <c r="E115" s="80" t="s">
        <v>43</v>
      </c>
      <c r="F115" s="66"/>
      <c r="G115" s="66"/>
      <c r="H115" s="66"/>
      <c r="I115" s="83" t="s">
        <v>26</v>
      </c>
      <c r="J115" s="66"/>
      <c r="K115" s="69" t="s">
        <v>29</v>
      </c>
      <c r="L115" s="71"/>
      <c r="M115" s="73"/>
      <c r="N115" s="73"/>
      <c r="O115" s="71"/>
      <c r="P115" s="71"/>
      <c r="Q115" s="71"/>
      <c r="R115" s="52"/>
    </row>
    <row r="116" spans="3:18" ht="9" customHeight="1" x14ac:dyDescent="0.15">
      <c r="C116" s="77"/>
      <c r="D116" s="56"/>
      <c r="E116" s="58"/>
      <c r="F116" s="67"/>
      <c r="G116" s="67"/>
      <c r="H116" s="67"/>
      <c r="I116" s="59"/>
      <c r="J116" s="67"/>
      <c r="K116" s="70"/>
      <c r="L116" s="62"/>
      <c r="M116" s="64"/>
      <c r="N116" s="64"/>
      <c r="O116" s="62"/>
      <c r="P116" s="62"/>
      <c r="Q116" s="62"/>
      <c r="R116" s="53"/>
    </row>
    <row r="117" spans="3:18" ht="9" customHeight="1" x14ac:dyDescent="0.15">
      <c r="C117" s="77"/>
      <c r="D117" s="55" t="s">
        <v>32</v>
      </c>
      <c r="E117" s="57" t="s">
        <v>34</v>
      </c>
      <c r="F117" s="67"/>
      <c r="G117" s="67"/>
      <c r="H117" s="67"/>
      <c r="I117" s="59" t="s">
        <v>27</v>
      </c>
      <c r="J117" s="67"/>
      <c r="K117" s="70"/>
      <c r="L117" s="72"/>
      <c r="M117" s="74"/>
      <c r="N117" s="64"/>
      <c r="O117" s="62"/>
      <c r="P117" s="62"/>
      <c r="Q117" s="62"/>
      <c r="R117" s="53"/>
    </row>
    <row r="118" spans="3:18" ht="9" customHeight="1" x14ac:dyDescent="0.15">
      <c r="C118" s="77"/>
      <c r="D118" s="56"/>
      <c r="E118" s="58"/>
      <c r="F118" s="67"/>
      <c r="G118" s="67"/>
      <c r="H118" s="67"/>
      <c r="I118" s="59"/>
      <c r="J118" s="67"/>
      <c r="K118" s="60" t="s">
        <v>30</v>
      </c>
      <c r="L118" s="87"/>
      <c r="M118" s="88"/>
      <c r="N118" s="64"/>
      <c r="O118" s="62"/>
      <c r="P118" s="62"/>
      <c r="Q118" s="62"/>
      <c r="R118" s="53"/>
    </row>
    <row r="119" spans="3:18" ht="9" customHeight="1" x14ac:dyDescent="0.15">
      <c r="C119" s="77"/>
      <c r="D119" s="55" t="s">
        <v>31</v>
      </c>
      <c r="E119" s="57" t="s">
        <v>35</v>
      </c>
      <c r="F119" s="67"/>
      <c r="G119" s="67"/>
      <c r="H119" s="67"/>
      <c r="I119" s="59" t="s">
        <v>28</v>
      </c>
      <c r="J119" s="67"/>
      <c r="K119" s="60"/>
      <c r="L119" s="62"/>
      <c r="M119" s="64"/>
      <c r="N119" s="64"/>
      <c r="O119" s="62"/>
      <c r="P119" s="62"/>
      <c r="Q119" s="62"/>
      <c r="R119" s="53"/>
    </row>
    <row r="120" spans="3:18" ht="9" customHeight="1" x14ac:dyDescent="0.15">
      <c r="C120" s="89"/>
      <c r="D120" s="91"/>
      <c r="E120" s="92"/>
      <c r="F120" s="90"/>
      <c r="G120" s="90"/>
      <c r="H120" s="90"/>
      <c r="I120" s="94"/>
      <c r="J120" s="90"/>
      <c r="K120" s="86"/>
      <c r="L120" s="62"/>
      <c r="M120" s="64"/>
      <c r="N120" s="93"/>
      <c r="O120" s="84"/>
      <c r="P120" s="84"/>
      <c r="Q120" s="84"/>
      <c r="R120" s="85"/>
    </row>
    <row r="121" spans="3:18" ht="9" customHeight="1" x14ac:dyDescent="0.15">
      <c r="C121" s="76"/>
      <c r="D121" s="79" t="s">
        <v>33</v>
      </c>
      <c r="E121" s="80" t="s">
        <v>43</v>
      </c>
      <c r="F121" s="66"/>
      <c r="G121" s="66"/>
      <c r="H121" s="66"/>
      <c r="I121" s="83" t="s">
        <v>26</v>
      </c>
      <c r="J121" s="66"/>
      <c r="K121" s="69" t="s">
        <v>29</v>
      </c>
      <c r="L121" s="71"/>
      <c r="M121" s="73"/>
      <c r="N121" s="73"/>
      <c r="O121" s="71"/>
      <c r="P121" s="71"/>
      <c r="Q121" s="71"/>
      <c r="R121" s="52"/>
    </row>
    <row r="122" spans="3:18" ht="9" customHeight="1" x14ac:dyDescent="0.15">
      <c r="C122" s="77"/>
      <c r="D122" s="56"/>
      <c r="E122" s="58"/>
      <c r="F122" s="67"/>
      <c r="G122" s="67"/>
      <c r="H122" s="67"/>
      <c r="I122" s="59"/>
      <c r="J122" s="67"/>
      <c r="K122" s="70"/>
      <c r="L122" s="62"/>
      <c r="M122" s="64"/>
      <c r="N122" s="64"/>
      <c r="O122" s="62"/>
      <c r="P122" s="62"/>
      <c r="Q122" s="62"/>
      <c r="R122" s="53"/>
    </row>
    <row r="123" spans="3:18" ht="9" customHeight="1" x14ac:dyDescent="0.15">
      <c r="C123" s="77"/>
      <c r="D123" s="55" t="s">
        <v>32</v>
      </c>
      <c r="E123" s="57" t="s">
        <v>34</v>
      </c>
      <c r="F123" s="67"/>
      <c r="G123" s="67"/>
      <c r="H123" s="67"/>
      <c r="I123" s="59" t="s">
        <v>27</v>
      </c>
      <c r="J123" s="67"/>
      <c r="K123" s="70"/>
      <c r="L123" s="72"/>
      <c r="M123" s="74"/>
      <c r="N123" s="64"/>
      <c r="O123" s="62"/>
      <c r="P123" s="62"/>
      <c r="Q123" s="62"/>
      <c r="R123" s="53"/>
    </row>
    <row r="124" spans="3:18" ht="9" customHeight="1" x14ac:dyDescent="0.15">
      <c r="C124" s="77"/>
      <c r="D124" s="56"/>
      <c r="E124" s="58"/>
      <c r="F124" s="67"/>
      <c r="G124" s="67"/>
      <c r="H124" s="67"/>
      <c r="I124" s="59"/>
      <c r="J124" s="67"/>
      <c r="K124" s="60" t="s">
        <v>30</v>
      </c>
      <c r="L124" s="62"/>
      <c r="M124" s="64"/>
      <c r="N124" s="64"/>
      <c r="O124" s="62"/>
      <c r="P124" s="62"/>
      <c r="Q124" s="62"/>
      <c r="R124" s="53"/>
    </row>
    <row r="125" spans="3:18" ht="9" customHeight="1" x14ac:dyDescent="0.15">
      <c r="C125" s="77"/>
      <c r="D125" s="55" t="s">
        <v>31</v>
      </c>
      <c r="E125" s="57" t="s">
        <v>35</v>
      </c>
      <c r="F125" s="67"/>
      <c r="G125" s="67"/>
      <c r="H125" s="67"/>
      <c r="I125" s="59" t="s">
        <v>28</v>
      </c>
      <c r="J125" s="67"/>
      <c r="K125" s="60"/>
      <c r="L125" s="62"/>
      <c r="M125" s="64"/>
      <c r="N125" s="64"/>
      <c r="O125" s="62"/>
      <c r="P125" s="62"/>
      <c r="Q125" s="62"/>
      <c r="R125" s="53"/>
    </row>
    <row r="126" spans="3:18" ht="9" customHeight="1" thickBot="1" x14ac:dyDescent="0.2">
      <c r="C126" s="78"/>
      <c r="D126" s="81"/>
      <c r="E126" s="82"/>
      <c r="F126" s="68"/>
      <c r="G126" s="68"/>
      <c r="H126" s="68"/>
      <c r="I126" s="75"/>
      <c r="J126" s="68"/>
      <c r="K126" s="61"/>
      <c r="L126" s="63"/>
      <c r="M126" s="65"/>
      <c r="N126" s="65"/>
      <c r="O126" s="63"/>
      <c r="P126" s="63"/>
      <c r="Q126" s="63"/>
      <c r="R126" s="54"/>
    </row>
  </sheetData>
  <mergeCells count="491">
    <mergeCell ref="R42:R47"/>
    <mergeCell ref="A3:R4"/>
    <mergeCell ref="D38:D39"/>
    <mergeCell ref="A12:B13"/>
    <mergeCell ref="K48:K50"/>
    <mergeCell ref="L48:L50"/>
    <mergeCell ref="C48:C53"/>
    <mergeCell ref="D48:D49"/>
    <mergeCell ref="E46:E47"/>
    <mergeCell ref="C42:C47"/>
    <mergeCell ref="K42:K44"/>
    <mergeCell ref="L42:L44"/>
    <mergeCell ref="M42:M44"/>
    <mergeCell ref="R24:R29"/>
    <mergeCell ref="M30:M32"/>
    <mergeCell ref="N30:N35"/>
    <mergeCell ref="O30:O35"/>
    <mergeCell ref="P30:P35"/>
    <mergeCell ref="Q30:Q35"/>
    <mergeCell ref="C12:C17"/>
    <mergeCell ref="P42:P47"/>
    <mergeCell ref="Q42:Q47"/>
    <mergeCell ref="R30:R35"/>
    <mergeCell ref="I32:I33"/>
    <mergeCell ref="N42:N47"/>
    <mergeCell ref="O42:O47"/>
    <mergeCell ref="K45:K47"/>
    <mergeCell ref="L45:L47"/>
    <mergeCell ref="M45:M47"/>
    <mergeCell ref="I46:I47"/>
    <mergeCell ref="K36:K38"/>
    <mergeCell ref="L36:L38"/>
    <mergeCell ref="M36:M38"/>
    <mergeCell ref="J42:J47"/>
    <mergeCell ref="O36:O41"/>
    <mergeCell ref="P36:P41"/>
    <mergeCell ref="Q36:Q41"/>
    <mergeCell ref="R36:R41"/>
    <mergeCell ref="C36:C41"/>
    <mergeCell ref="D36:D37"/>
    <mergeCell ref="E36:E37"/>
    <mergeCell ref="F36:F41"/>
    <mergeCell ref="H36:H41"/>
    <mergeCell ref="D30:D31"/>
    <mergeCell ref="E30:E31"/>
    <mergeCell ref="C30:C35"/>
    <mergeCell ref="J30:J35"/>
    <mergeCell ref="K30:K32"/>
    <mergeCell ref="L30:L32"/>
    <mergeCell ref="K33:K35"/>
    <mergeCell ref="L33:L35"/>
    <mergeCell ref="M33:M35"/>
    <mergeCell ref="I34:I35"/>
    <mergeCell ref="I36:I37"/>
    <mergeCell ref="N36:N41"/>
    <mergeCell ref="E34:E35"/>
    <mergeCell ref="F30:F35"/>
    <mergeCell ref="G30:G35"/>
    <mergeCell ref="E24:E25"/>
    <mergeCell ref="D28:D29"/>
    <mergeCell ref="E28:E29"/>
    <mergeCell ref="D18:D19"/>
    <mergeCell ref="E18:E19"/>
    <mergeCell ref="F12:F17"/>
    <mergeCell ref="D22:D23"/>
    <mergeCell ref="E22:E23"/>
    <mergeCell ref="I30:I31"/>
    <mergeCell ref="P24:P29"/>
    <mergeCell ref="Q24:Q29"/>
    <mergeCell ref="K27:K29"/>
    <mergeCell ref="L27:L29"/>
    <mergeCell ref="M27:M29"/>
    <mergeCell ref="D26:D27"/>
    <mergeCell ref="E26:E27"/>
    <mergeCell ref="L24:L26"/>
    <mergeCell ref="M24:M26"/>
    <mergeCell ref="N24:N29"/>
    <mergeCell ref="O24:O29"/>
    <mergeCell ref="D24:D25"/>
    <mergeCell ref="H30:H35"/>
    <mergeCell ref="I24:I25"/>
    <mergeCell ref="G24:G29"/>
    <mergeCell ref="H24:H29"/>
    <mergeCell ref="J24:J29"/>
    <mergeCell ref="K24:K26"/>
    <mergeCell ref="I26:I27"/>
    <mergeCell ref="I28:I29"/>
    <mergeCell ref="D32:D33"/>
    <mergeCell ref="E32:E33"/>
    <mergeCell ref="D34:D35"/>
    <mergeCell ref="G9:G11"/>
    <mergeCell ref="H9:H11"/>
    <mergeCell ref="I18:I19"/>
    <mergeCell ref="I14:I15"/>
    <mergeCell ref="G12:G17"/>
    <mergeCell ref="H12:H17"/>
    <mergeCell ref="I12:I13"/>
    <mergeCell ref="J12:J17"/>
    <mergeCell ref="C24:C29"/>
    <mergeCell ref="F24:F29"/>
    <mergeCell ref="D14:D15"/>
    <mergeCell ref="D16:D17"/>
    <mergeCell ref="E14:E15"/>
    <mergeCell ref="E16:E17"/>
    <mergeCell ref="I16:I17"/>
    <mergeCell ref="K15:K17"/>
    <mergeCell ref="D12:D13"/>
    <mergeCell ref="E12:E13"/>
    <mergeCell ref="K12:K14"/>
    <mergeCell ref="M15:M17"/>
    <mergeCell ref="A1:R2"/>
    <mergeCell ref="A7:B11"/>
    <mergeCell ref="J7:J11"/>
    <mergeCell ref="C6:J6"/>
    <mergeCell ref="Q9:Q11"/>
    <mergeCell ref="N7:N11"/>
    <mergeCell ref="O7:O11"/>
    <mergeCell ref="K7:K11"/>
    <mergeCell ref="L7:M8"/>
    <mergeCell ref="F7:I8"/>
    <mergeCell ref="R7:R11"/>
    <mergeCell ref="I9:I11"/>
    <mergeCell ref="C7:E8"/>
    <mergeCell ref="E9:E11"/>
    <mergeCell ref="D9:D11"/>
    <mergeCell ref="C9:C11"/>
    <mergeCell ref="Q12:Q17"/>
    <mergeCell ref="F9:F11"/>
    <mergeCell ref="L21:L23"/>
    <mergeCell ref="M21:M23"/>
    <mergeCell ref="P7:Q8"/>
    <mergeCell ref="P9:P11"/>
    <mergeCell ref="N12:N17"/>
    <mergeCell ref="O12:O17"/>
    <mergeCell ref="P12:P17"/>
    <mergeCell ref="L18:L20"/>
    <mergeCell ref="R12:R17"/>
    <mergeCell ref="M18:M20"/>
    <mergeCell ref="N18:N23"/>
    <mergeCell ref="O18:O23"/>
    <mergeCell ref="P18:P23"/>
    <mergeCell ref="Q18:Q23"/>
    <mergeCell ref="R18:R23"/>
    <mergeCell ref="L12:L14"/>
    <mergeCell ref="M12:M14"/>
    <mergeCell ref="L15:L17"/>
    <mergeCell ref="C18:C23"/>
    <mergeCell ref="F18:F23"/>
    <mergeCell ref="G18:G23"/>
    <mergeCell ref="H18:H23"/>
    <mergeCell ref="J18:J23"/>
    <mergeCell ref="K18:K20"/>
    <mergeCell ref="D20:D21"/>
    <mergeCell ref="E20:E21"/>
    <mergeCell ref="I20:I21"/>
    <mergeCell ref="I22:I23"/>
    <mergeCell ref="K21:K23"/>
    <mergeCell ref="D50:D51"/>
    <mergeCell ref="D52:D53"/>
    <mergeCell ref="D46:D47"/>
    <mergeCell ref="E38:E39"/>
    <mergeCell ref="I38:I39"/>
    <mergeCell ref="K39:K41"/>
    <mergeCell ref="L39:L41"/>
    <mergeCell ref="M39:M41"/>
    <mergeCell ref="D40:D41"/>
    <mergeCell ref="E40:E41"/>
    <mergeCell ref="I40:I41"/>
    <mergeCell ref="J36:J41"/>
    <mergeCell ref="D42:D43"/>
    <mergeCell ref="E42:E43"/>
    <mergeCell ref="F42:F47"/>
    <mergeCell ref="G42:G47"/>
    <mergeCell ref="H42:H47"/>
    <mergeCell ref="I42:I43"/>
    <mergeCell ref="D44:D45"/>
    <mergeCell ref="E44:E45"/>
    <mergeCell ref="I44:I45"/>
    <mergeCell ref="G36:G41"/>
    <mergeCell ref="N48:N53"/>
    <mergeCell ref="O48:O53"/>
    <mergeCell ref="P48:P53"/>
    <mergeCell ref="Q48:Q53"/>
    <mergeCell ref="R48:R53"/>
    <mergeCell ref="E48:E49"/>
    <mergeCell ref="F48:F53"/>
    <mergeCell ref="G48:G53"/>
    <mergeCell ref="H48:H53"/>
    <mergeCell ref="I48:I49"/>
    <mergeCell ref="E50:E51"/>
    <mergeCell ref="I50:I51"/>
    <mergeCell ref="K51:K53"/>
    <mergeCell ref="L51:L53"/>
    <mergeCell ref="M51:M53"/>
    <mergeCell ref="E52:E53"/>
    <mergeCell ref="I52:I53"/>
    <mergeCell ref="M48:M50"/>
    <mergeCell ref="J48:J53"/>
    <mergeCell ref="R54:R59"/>
    <mergeCell ref="K57:K59"/>
    <mergeCell ref="L57:L59"/>
    <mergeCell ref="M57:M59"/>
    <mergeCell ref="D58:D59"/>
    <mergeCell ref="E58:E59"/>
    <mergeCell ref="I58:I59"/>
    <mergeCell ref="E54:E55"/>
    <mergeCell ref="F54:F59"/>
    <mergeCell ref="G54:G59"/>
    <mergeCell ref="H54:H59"/>
    <mergeCell ref="D56:D57"/>
    <mergeCell ref="E56:E57"/>
    <mergeCell ref="M54:M56"/>
    <mergeCell ref="N54:N59"/>
    <mergeCell ref="O54:O59"/>
    <mergeCell ref="I54:I55"/>
    <mergeCell ref="J54:J59"/>
    <mergeCell ref="K54:K56"/>
    <mergeCell ref="L54:L56"/>
    <mergeCell ref="I56:I57"/>
    <mergeCell ref="C54:C59"/>
    <mergeCell ref="D54:D55"/>
    <mergeCell ref="J62:J66"/>
    <mergeCell ref="K62:K66"/>
    <mergeCell ref="L62:M63"/>
    <mergeCell ref="N62:N66"/>
    <mergeCell ref="P54:P59"/>
    <mergeCell ref="Q54:Q59"/>
    <mergeCell ref="O62:O66"/>
    <mergeCell ref="P62:Q63"/>
    <mergeCell ref="R62:R66"/>
    <mergeCell ref="C64:C66"/>
    <mergeCell ref="D64:D66"/>
    <mergeCell ref="E64:E66"/>
    <mergeCell ref="F64:F66"/>
    <mergeCell ref="G64:G66"/>
    <mergeCell ref="H64:H66"/>
    <mergeCell ref="I64:I66"/>
    <mergeCell ref="P64:P66"/>
    <mergeCell ref="Q64:Q66"/>
    <mergeCell ref="C62:E63"/>
    <mergeCell ref="F62:I63"/>
    <mergeCell ref="C67:C72"/>
    <mergeCell ref="D67:D68"/>
    <mergeCell ref="E67:E68"/>
    <mergeCell ref="F67:F72"/>
    <mergeCell ref="G67:G72"/>
    <mergeCell ref="H67:H72"/>
    <mergeCell ref="D71:D72"/>
    <mergeCell ref="E71:E72"/>
    <mergeCell ref="I67:I68"/>
    <mergeCell ref="J67:J72"/>
    <mergeCell ref="K67:K69"/>
    <mergeCell ref="L67:L69"/>
    <mergeCell ref="M67:M69"/>
    <mergeCell ref="N67:N72"/>
    <mergeCell ref="I71:I72"/>
    <mergeCell ref="O67:O72"/>
    <mergeCell ref="P67:P72"/>
    <mergeCell ref="Q67:Q72"/>
    <mergeCell ref="R67:R72"/>
    <mergeCell ref="D69:D70"/>
    <mergeCell ref="E69:E70"/>
    <mergeCell ref="I69:I70"/>
    <mergeCell ref="K70:K72"/>
    <mergeCell ref="L70:L72"/>
    <mergeCell ref="M70:M72"/>
    <mergeCell ref="C73:C78"/>
    <mergeCell ref="D73:D74"/>
    <mergeCell ref="E73:E74"/>
    <mergeCell ref="F73:F78"/>
    <mergeCell ref="G73:G78"/>
    <mergeCell ref="H73:H78"/>
    <mergeCell ref="D77:D78"/>
    <mergeCell ref="E77:E78"/>
    <mergeCell ref="I73:I74"/>
    <mergeCell ref="J73:J78"/>
    <mergeCell ref="K73:K75"/>
    <mergeCell ref="L73:L75"/>
    <mergeCell ref="M73:M75"/>
    <mergeCell ref="N73:N78"/>
    <mergeCell ref="I77:I78"/>
    <mergeCell ref="O73:O78"/>
    <mergeCell ref="P73:P78"/>
    <mergeCell ref="Q73:Q78"/>
    <mergeCell ref="R73:R78"/>
    <mergeCell ref="D75:D76"/>
    <mergeCell ref="E75:E76"/>
    <mergeCell ref="I75:I76"/>
    <mergeCell ref="K76:K78"/>
    <mergeCell ref="L76:L78"/>
    <mergeCell ref="M76:M78"/>
    <mergeCell ref="C79:C84"/>
    <mergeCell ref="D79:D80"/>
    <mergeCell ref="E79:E80"/>
    <mergeCell ref="F79:F84"/>
    <mergeCell ref="G79:G84"/>
    <mergeCell ref="H79:H84"/>
    <mergeCell ref="D83:D84"/>
    <mergeCell ref="E83:E84"/>
    <mergeCell ref="I79:I80"/>
    <mergeCell ref="J79:J84"/>
    <mergeCell ref="K79:K81"/>
    <mergeCell ref="L79:L81"/>
    <mergeCell ref="M79:M81"/>
    <mergeCell ref="N79:N84"/>
    <mergeCell ref="I83:I84"/>
    <mergeCell ref="O79:O84"/>
    <mergeCell ref="P79:P84"/>
    <mergeCell ref="Q79:Q84"/>
    <mergeCell ref="R79:R84"/>
    <mergeCell ref="D81:D82"/>
    <mergeCell ref="E81:E82"/>
    <mergeCell ref="I81:I82"/>
    <mergeCell ref="K82:K84"/>
    <mergeCell ref="L82:L84"/>
    <mergeCell ref="M82:M84"/>
    <mergeCell ref="C85:C90"/>
    <mergeCell ref="D85:D86"/>
    <mergeCell ref="E85:E86"/>
    <mergeCell ref="F85:F90"/>
    <mergeCell ref="G85:G90"/>
    <mergeCell ref="H85:H90"/>
    <mergeCell ref="D89:D90"/>
    <mergeCell ref="E89:E90"/>
    <mergeCell ref="I85:I86"/>
    <mergeCell ref="J85:J90"/>
    <mergeCell ref="K85:K87"/>
    <mergeCell ref="L85:L87"/>
    <mergeCell ref="M85:M87"/>
    <mergeCell ref="N85:N90"/>
    <mergeCell ref="I89:I90"/>
    <mergeCell ref="O85:O90"/>
    <mergeCell ref="P85:P90"/>
    <mergeCell ref="Q85:Q90"/>
    <mergeCell ref="R85:R90"/>
    <mergeCell ref="D87:D88"/>
    <mergeCell ref="E87:E88"/>
    <mergeCell ref="I87:I88"/>
    <mergeCell ref="K88:K90"/>
    <mergeCell ref="L88:L90"/>
    <mergeCell ref="M88:M90"/>
    <mergeCell ref="C91:C96"/>
    <mergeCell ref="D91:D92"/>
    <mergeCell ref="E91:E92"/>
    <mergeCell ref="F91:F96"/>
    <mergeCell ref="G91:G96"/>
    <mergeCell ref="H91:H96"/>
    <mergeCell ref="D95:D96"/>
    <mergeCell ref="E95:E96"/>
    <mergeCell ref="I91:I92"/>
    <mergeCell ref="J91:J96"/>
    <mergeCell ref="K91:K93"/>
    <mergeCell ref="L91:L93"/>
    <mergeCell ref="M91:M93"/>
    <mergeCell ref="N91:N96"/>
    <mergeCell ref="I95:I96"/>
    <mergeCell ref="O91:O96"/>
    <mergeCell ref="P91:P96"/>
    <mergeCell ref="Q91:Q96"/>
    <mergeCell ref="R91:R96"/>
    <mergeCell ref="D93:D94"/>
    <mergeCell ref="E93:E94"/>
    <mergeCell ref="I93:I94"/>
    <mergeCell ref="K94:K96"/>
    <mergeCell ref="L94:L96"/>
    <mergeCell ref="M94:M96"/>
    <mergeCell ref="C97:C102"/>
    <mergeCell ref="D97:D98"/>
    <mergeCell ref="E97:E98"/>
    <mergeCell ref="F97:F102"/>
    <mergeCell ref="G97:G102"/>
    <mergeCell ref="H97:H102"/>
    <mergeCell ref="D101:D102"/>
    <mergeCell ref="E101:E102"/>
    <mergeCell ref="I97:I98"/>
    <mergeCell ref="J97:J102"/>
    <mergeCell ref="K97:K99"/>
    <mergeCell ref="L97:L99"/>
    <mergeCell ref="M97:M99"/>
    <mergeCell ref="N97:N102"/>
    <mergeCell ref="I101:I102"/>
    <mergeCell ref="O97:O102"/>
    <mergeCell ref="P97:P102"/>
    <mergeCell ref="Q97:Q102"/>
    <mergeCell ref="R97:R102"/>
    <mergeCell ref="D99:D100"/>
    <mergeCell ref="E99:E100"/>
    <mergeCell ref="I99:I100"/>
    <mergeCell ref="K100:K102"/>
    <mergeCell ref="L100:L102"/>
    <mergeCell ref="M100:M102"/>
    <mergeCell ref="C103:C108"/>
    <mergeCell ref="D103:D104"/>
    <mergeCell ref="E103:E104"/>
    <mergeCell ref="F103:F108"/>
    <mergeCell ref="G103:G108"/>
    <mergeCell ref="H103:H108"/>
    <mergeCell ref="D107:D108"/>
    <mergeCell ref="E107:E108"/>
    <mergeCell ref="I103:I104"/>
    <mergeCell ref="J103:J108"/>
    <mergeCell ref="K103:K105"/>
    <mergeCell ref="L103:L105"/>
    <mergeCell ref="M103:M105"/>
    <mergeCell ref="N103:N108"/>
    <mergeCell ref="I107:I108"/>
    <mergeCell ref="O103:O108"/>
    <mergeCell ref="P103:P108"/>
    <mergeCell ref="Q103:Q108"/>
    <mergeCell ref="R103:R108"/>
    <mergeCell ref="D105:D106"/>
    <mergeCell ref="E105:E106"/>
    <mergeCell ref="I105:I106"/>
    <mergeCell ref="K106:K108"/>
    <mergeCell ref="L106:L108"/>
    <mergeCell ref="M106:M108"/>
    <mergeCell ref="C109:C114"/>
    <mergeCell ref="D109:D110"/>
    <mergeCell ref="E109:E110"/>
    <mergeCell ref="F109:F114"/>
    <mergeCell ref="G109:G114"/>
    <mergeCell ref="H109:H114"/>
    <mergeCell ref="D113:D114"/>
    <mergeCell ref="E113:E114"/>
    <mergeCell ref="I109:I110"/>
    <mergeCell ref="J109:J114"/>
    <mergeCell ref="K109:K111"/>
    <mergeCell ref="L109:L111"/>
    <mergeCell ref="M109:M111"/>
    <mergeCell ref="N109:N114"/>
    <mergeCell ref="I113:I114"/>
    <mergeCell ref="O109:O114"/>
    <mergeCell ref="P109:P114"/>
    <mergeCell ref="Q109:Q114"/>
    <mergeCell ref="R109:R114"/>
    <mergeCell ref="D111:D112"/>
    <mergeCell ref="E111:E112"/>
    <mergeCell ref="I111:I112"/>
    <mergeCell ref="K112:K114"/>
    <mergeCell ref="L112:L114"/>
    <mergeCell ref="M112:M114"/>
    <mergeCell ref="C115:C120"/>
    <mergeCell ref="D115:D116"/>
    <mergeCell ref="E115:E116"/>
    <mergeCell ref="F115:F120"/>
    <mergeCell ref="G115:G120"/>
    <mergeCell ref="H115:H120"/>
    <mergeCell ref="D119:D120"/>
    <mergeCell ref="E119:E120"/>
    <mergeCell ref="I115:I116"/>
    <mergeCell ref="J115:J120"/>
    <mergeCell ref="K115:K117"/>
    <mergeCell ref="L115:L117"/>
    <mergeCell ref="M115:M117"/>
    <mergeCell ref="N115:N120"/>
    <mergeCell ref="I119:I120"/>
    <mergeCell ref="O115:O120"/>
    <mergeCell ref="P115:P120"/>
    <mergeCell ref="Q115:Q120"/>
    <mergeCell ref="R115:R120"/>
    <mergeCell ref="D117:D118"/>
    <mergeCell ref="E117:E118"/>
    <mergeCell ref="I117:I118"/>
    <mergeCell ref="K118:K120"/>
    <mergeCell ref="L118:L120"/>
    <mergeCell ref="M118:M120"/>
    <mergeCell ref="C121:C126"/>
    <mergeCell ref="D121:D122"/>
    <mergeCell ref="E121:E122"/>
    <mergeCell ref="F121:F126"/>
    <mergeCell ref="G121:G126"/>
    <mergeCell ref="H121:H126"/>
    <mergeCell ref="D125:D126"/>
    <mergeCell ref="E125:E126"/>
    <mergeCell ref="I121:I122"/>
    <mergeCell ref="R121:R126"/>
    <mergeCell ref="D123:D124"/>
    <mergeCell ref="E123:E124"/>
    <mergeCell ref="I123:I124"/>
    <mergeCell ref="K124:K126"/>
    <mergeCell ref="L124:L126"/>
    <mergeCell ref="M124:M126"/>
    <mergeCell ref="J121:J126"/>
    <mergeCell ref="K121:K123"/>
    <mergeCell ref="L121:L123"/>
    <mergeCell ref="M121:M123"/>
    <mergeCell ref="N121:N126"/>
    <mergeCell ref="I125:I126"/>
    <mergeCell ref="O121:O126"/>
    <mergeCell ref="P121:P126"/>
    <mergeCell ref="Q121:Q126"/>
  </mergeCells>
  <phoneticPr fontId="1"/>
  <printOptions horizontalCentered="1"/>
  <pageMargins left="0.39370078740157483" right="0.39370078740157483" top="0.39370078740157483" bottom="0.39370078740157483" header="0.31496062992125984" footer="0.15748031496062992"/>
  <pageSetup paperSize="9" scale="95" orientation="landscape" r:id="rId1"/>
  <headerFooter alignWithMargins="0">
    <oddHeader>&amp;R様式４</oddHeader>
    <oddFooter>&amp;L&amp;"ＭＳ Ｐ明朝,標準"この様式により難いときは、この様式に準じた別の様式を用いることができる。</oddFooter>
  </headerFooter>
  <rowBreaks count="1" manualBreakCount="1">
    <brk id="60" min="1" max="1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業務従事者支給賃金状況報告書</vt:lpstr>
      <vt:lpstr>業務従事者支給賃金状況報告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様式4　業務従事者支給賃金状況報告書</dc:title>
  <dc:creator>札幌市財政局管財部契約管理課</dc:creator>
  <cp:lastModifiedBy>811.會見　優子</cp:lastModifiedBy>
  <cp:lastPrinted>2019-01-30T06:46:23Z</cp:lastPrinted>
  <dcterms:created xsi:type="dcterms:W3CDTF">2012-10-13T03:16:09Z</dcterms:created>
  <dcterms:modified xsi:type="dcterms:W3CDTF">2023-08-03T02:14:09Z</dcterms:modified>
</cp:coreProperties>
</file>